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001"/>
  <workbookPr defaultThemeVersion="166925"/>
  <mc:AlternateContent xmlns:mc="http://schemas.openxmlformats.org/markup-compatibility/2006">
    <mc:Choice Requires="x15">
      <x15ac:absPath xmlns:x15ac="http://schemas.microsoft.com/office/spreadsheetml/2010/11/ac" url="D:\Users\Dodi\Documents\10c\Komal2018\i464\"/>
    </mc:Choice>
  </mc:AlternateContent>
  <xr:revisionPtr revIDLastSave="0" documentId="13_ncr:1_{B1EDD8B7-09AF-4F18-80A1-27E5F589ADE5}" xr6:coauthVersionLast="38" xr6:coauthVersionMax="38" xr10:uidLastSave="{00000000-0000-0000-0000-000000000000}"/>
  <bookViews>
    <workbookView xWindow="0" yWindow="0" windowWidth="24720" windowHeight="11625" xr2:uid="{E867F090-0038-4EDE-8615-1DF09FFDB8ED}"/>
  </bookViews>
  <sheets>
    <sheet name="Terkep" sheetId="1" r:id="rId1"/>
    <sheet name="Szamitas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21" i="2" l="1"/>
  <c r="U3" i="2" l="1"/>
  <c r="A3" i="2" l="1"/>
  <c r="A4" i="2" s="1"/>
  <c r="A5" i="2" s="1"/>
  <c r="A6" i="2" s="1"/>
  <c r="A7" i="2" s="1"/>
  <c r="A8" i="2" s="1"/>
  <c r="A9" i="2" s="1"/>
  <c r="A10" i="2" s="1"/>
  <c r="A11" i="2" s="1"/>
  <c r="A12" i="2" s="1"/>
  <c r="A13" i="2" s="1"/>
  <c r="A14" i="2" s="1"/>
  <c r="A15" i="2" s="1"/>
  <c r="A16" i="2" s="1"/>
  <c r="A17" i="2" s="1"/>
  <c r="C1" i="2"/>
  <c r="D1" i="2" s="1"/>
  <c r="E1" i="2" s="1"/>
  <c r="F1" i="2" s="1"/>
  <c r="G1" i="2" s="1"/>
  <c r="H1" i="2" s="1"/>
  <c r="I1" i="2" s="1"/>
  <c r="J1" i="2" s="1"/>
  <c r="K1" i="2" s="1"/>
  <c r="L1" i="2" s="1"/>
  <c r="M1" i="2" s="1"/>
  <c r="N1" i="2" s="1"/>
  <c r="O1" i="2" s="1"/>
  <c r="P1" i="2" s="1"/>
  <c r="Q1" i="2" s="1"/>
  <c r="S3" i="2"/>
  <c r="S4" i="2" s="1"/>
  <c r="S5" i="2" s="1"/>
  <c r="S6" i="2" s="1"/>
  <c r="S7" i="2" s="1"/>
  <c r="S8" i="2" s="1"/>
  <c r="S9" i="2" s="1"/>
  <c r="S10" i="2" s="1"/>
  <c r="S11" i="2" s="1"/>
  <c r="S12" i="2" s="1"/>
  <c r="S13" i="2" s="1"/>
  <c r="S14" i="2" s="1"/>
  <c r="S15" i="2" s="1"/>
  <c r="S16" i="2" s="1"/>
  <c r="S17" i="2" s="1"/>
  <c r="U1" i="2"/>
  <c r="V1" i="2" s="1"/>
  <c r="W1" i="2" s="1"/>
  <c r="X1" i="2" s="1"/>
  <c r="Y1" i="2" s="1"/>
  <c r="Z1" i="2" s="1"/>
  <c r="AA1" i="2" s="1"/>
  <c r="AB1" i="2" s="1"/>
  <c r="AC1" i="2" s="1"/>
  <c r="AD1" i="2" s="1"/>
  <c r="AE1" i="2" s="1"/>
  <c r="AF1" i="2" s="1"/>
  <c r="AG1" i="2" s="1"/>
  <c r="AH1" i="2" s="1"/>
  <c r="AI1" i="2" s="1"/>
  <c r="B20" i="2"/>
  <c r="C20" i="2" s="1"/>
  <c r="D20" i="2" s="1"/>
  <c r="A21" i="2"/>
  <c r="A22" i="2" s="1"/>
  <c r="A23" i="2" s="1"/>
  <c r="A24" i="2" s="1"/>
  <c r="A25" i="2" s="1"/>
  <c r="A26" i="2" s="1"/>
  <c r="A27" i="2" s="1"/>
  <c r="A28" i="2" s="1"/>
  <c r="A29" i="2" s="1"/>
  <c r="A30" i="2" s="1"/>
  <c r="A31" i="2" s="1"/>
  <c r="A32" i="2" s="1"/>
  <c r="A33" i="2" s="1"/>
  <c r="A34" i="2" s="1"/>
  <c r="A35" i="2" s="1"/>
  <c r="C19" i="2"/>
  <c r="D19" i="2" s="1"/>
  <c r="E19" i="2" s="1"/>
  <c r="F19" i="2" s="1"/>
  <c r="G19" i="2" s="1"/>
  <c r="H19" i="2" s="1"/>
  <c r="I19" i="2" s="1"/>
  <c r="J19" i="2" s="1"/>
  <c r="K19" i="2" s="1"/>
  <c r="L19" i="2" s="1"/>
  <c r="M19" i="2" s="1"/>
  <c r="N19" i="2" s="1"/>
  <c r="O19" i="2" s="1"/>
  <c r="P19" i="2" s="1"/>
  <c r="Q19" i="2" s="1"/>
  <c r="A3" i="1"/>
  <c r="A4" i="1" s="1"/>
  <c r="A5" i="1" s="1"/>
  <c r="A6" i="1" s="1"/>
  <c r="A7" i="1" s="1"/>
  <c r="A8" i="1" s="1"/>
  <c r="A9" i="1" s="1"/>
  <c r="A10" i="1" s="1"/>
  <c r="A11" i="1" s="1"/>
  <c r="A12" i="1" s="1"/>
  <c r="A13" i="1" s="1"/>
  <c r="A14" i="1" s="1"/>
  <c r="A15" i="1" s="1"/>
  <c r="A16" i="1" s="1"/>
  <c r="A17" i="1" s="1"/>
  <c r="C1" i="1"/>
  <c r="D1" i="1" s="1"/>
  <c r="E1" i="1" s="1"/>
  <c r="F1" i="1" s="1"/>
  <c r="G1" i="1" s="1"/>
  <c r="H1" i="1" s="1"/>
  <c r="I1" i="1" s="1"/>
  <c r="J1" i="1" s="1"/>
  <c r="K1" i="1" s="1"/>
  <c r="L1" i="1" s="1"/>
  <c r="M1" i="1" s="1"/>
  <c r="N1" i="1" s="1"/>
  <c r="O1" i="1" s="1"/>
  <c r="P1" i="1" s="1"/>
  <c r="Q1" i="1" s="1"/>
  <c r="B21" i="2" l="1"/>
  <c r="B22" i="2" s="1"/>
  <c r="B23" i="2" s="1"/>
  <c r="B24" i="2" s="1"/>
  <c r="B25" i="2" s="1"/>
  <c r="B26" i="2" s="1"/>
  <c r="B27" i="2" s="1"/>
  <c r="B28" i="2" s="1"/>
  <c r="B29" i="2" s="1"/>
  <c r="B30" i="2" s="1"/>
  <c r="B31" i="2" s="1"/>
  <c r="B32" i="2" s="1"/>
  <c r="B33" i="2" s="1"/>
  <c r="B34" i="2" s="1"/>
  <c r="B35" i="2" s="1"/>
  <c r="E20" i="2"/>
  <c r="V3" i="2"/>
  <c r="C22" i="2" l="1"/>
  <c r="U4" i="2"/>
  <c r="D21" i="2"/>
  <c r="W3" i="2" s="1"/>
  <c r="F20" i="2"/>
  <c r="G20" i="2" l="1"/>
  <c r="E21" i="2"/>
  <c r="D22" i="2"/>
  <c r="V4" i="2"/>
  <c r="C23" i="2"/>
  <c r="U5" i="2"/>
  <c r="E22" i="2" l="1"/>
  <c r="V5" i="2"/>
  <c r="D23" i="2"/>
  <c r="F21" i="2"/>
  <c r="W4" i="2"/>
  <c r="X3" i="2"/>
  <c r="U6" i="2"/>
  <c r="C24" i="2"/>
  <c r="H20" i="2"/>
  <c r="G21" i="2" l="1"/>
  <c r="X4" i="2"/>
  <c r="F22" i="2"/>
  <c r="D24" i="2"/>
  <c r="V6" i="2"/>
  <c r="Y3" i="2"/>
  <c r="C25" i="2"/>
  <c r="U7" i="2"/>
  <c r="I20" i="2"/>
  <c r="Z3" i="2"/>
  <c r="W5" i="2"/>
  <c r="E23" i="2"/>
  <c r="D25" i="2" l="1"/>
  <c r="V7" i="2"/>
  <c r="X5" i="2"/>
  <c r="F23" i="2"/>
  <c r="C26" i="2"/>
  <c r="U8" i="2"/>
  <c r="E24" i="2"/>
  <c r="W6" i="2"/>
  <c r="J20" i="2"/>
  <c r="H21" i="2"/>
  <c r="Y4" i="2"/>
  <c r="G22" i="2"/>
  <c r="C27" i="2" l="1"/>
  <c r="U9" i="2"/>
  <c r="F24" i="2"/>
  <c r="X6" i="2"/>
  <c r="Y5" i="2"/>
  <c r="G23" i="2"/>
  <c r="I21" i="2"/>
  <c r="AB3" i="2" s="1"/>
  <c r="Z4" i="2"/>
  <c r="H22" i="2"/>
  <c r="AA3" i="2"/>
  <c r="E25" i="2"/>
  <c r="W7" i="2"/>
  <c r="K20" i="2"/>
  <c r="D26" i="2"/>
  <c r="V8" i="2"/>
  <c r="D27" i="2" l="1"/>
  <c r="V9" i="2"/>
  <c r="L20" i="2"/>
  <c r="J21" i="2"/>
  <c r="AC3" i="2" s="1"/>
  <c r="AA4" i="2"/>
  <c r="I22" i="2"/>
  <c r="E26" i="2"/>
  <c r="W8" i="2"/>
  <c r="F25" i="2"/>
  <c r="X7" i="2"/>
  <c r="G24" i="2"/>
  <c r="Y6" i="2"/>
  <c r="Z5" i="2"/>
  <c r="H23" i="2"/>
  <c r="C28" i="2"/>
  <c r="U10" i="2"/>
  <c r="AA5" i="2" l="1"/>
  <c r="I23" i="2"/>
  <c r="E27" i="2"/>
  <c r="W9" i="2"/>
  <c r="H24" i="2"/>
  <c r="Z6" i="2"/>
  <c r="G25" i="2"/>
  <c r="Y7" i="2"/>
  <c r="M20" i="2"/>
  <c r="C29" i="2"/>
  <c r="U11" i="2"/>
  <c r="K21" i="2"/>
  <c r="AB4" i="2"/>
  <c r="J22" i="2"/>
  <c r="F26" i="2"/>
  <c r="X8" i="2"/>
  <c r="D28" i="2"/>
  <c r="V10" i="2"/>
  <c r="AB5" i="2" l="1"/>
  <c r="J23" i="2"/>
  <c r="G26" i="2"/>
  <c r="Y8" i="2"/>
  <c r="N20" i="2"/>
  <c r="F27" i="2"/>
  <c r="X9" i="2"/>
  <c r="H25" i="2"/>
  <c r="Z7" i="2"/>
  <c r="C30" i="2"/>
  <c r="U12" i="2"/>
  <c r="E28" i="2"/>
  <c r="W10" i="2"/>
  <c r="L21" i="2"/>
  <c r="AE3" i="2" s="1"/>
  <c r="AC4" i="2"/>
  <c r="K22" i="2"/>
  <c r="D29" i="2"/>
  <c r="V11" i="2"/>
  <c r="AD3" i="2"/>
  <c r="I24" i="2"/>
  <c r="AA6" i="2"/>
  <c r="F28" i="2" l="1"/>
  <c r="X10" i="2"/>
  <c r="M21" i="2"/>
  <c r="AD4" i="2"/>
  <c r="L22" i="2"/>
  <c r="O20" i="2"/>
  <c r="AF3" i="2"/>
  <c r="I25" i="2"/>
  <c r="AA7" i="2"/>
  <c r="C31" i="2"/>
  <c r="U13" i="2"/>
  <c r="G27" i="2"/>
  <c r="Y9" i="2"/>
  <c r="E29" i="2"/>
  <c r="W11" i="2"/>
  <c r="D30" i="2"/>
  <c r="V12" i="2"/>
  <c r="J24" i="2"/>
  <c r="AB6" i="2"/>
  <c r="AC5" i="2"/>
  <c r="K23" i="2"/>
  <c r="H26" i="2"/>
  <c r="Z8" i="2"/>
  <c r="AD5" i="2" l="1"/>
  <c r="L23" i="2"/>
  <c r="I26" i="2"/>
  <c r="AA8" i="2"/>
  <c r="E30" i="2"/>
  <c r="W12" i="2"/>
  <c r="G28" i="2"/>
  <c r="Y10" i="2"/>
  <c r="K24" i="2"/>
  <c r="AC6" i="2"/>
  <c r="N21" i="2"/>
  <c r="AG3" i="2" s="1"/>
  <c r="AE4" i="2"/>
  <c r="M22" i="2"/>
  <c r="D31" i="2"/>
  <c r="V13" i="2"/>
  <c r="P20" i="2"/>
  <c r="C32" i="2"/>
  <c r="U14" i="2"/>
  <c r="H27" i="2"/>
  <c r="Z9" i="2"/>
  <c r="J25" i="2"/>
  <c r="AB7" i="2"/>
  <c r="F29" i="2"/>
  <c r="X11" i="2"/>
  <c r="I27" i="2" l="1"/>
  <c r="G29" i="2"/>
  <c r="Y11" i="2"/>
  <c r="D32" i="2"/>
  <c r="V14" i="2"/>
  <c r="E31" i="2"/>
  <c r="W13" i="2"/>
  <c r="F30" i="2"/>
  <c r="X12" i="2"/>
  <c r="O21" i="2"/>
  <c r="AH3" i="2" s="1"/>
  <c r="AF4" i="2"/>
  <c r="N22" i="2"/>
  <c r="AA9" i="2"/>
  <c r="AE5" i="2"/>
  <c r="M23" i="2"/>
  <c r="H28" i="2"/>
  <c r="Z10" i="2"/>
  <c r="C33" i="2"/>
  <c r="U15" i="2"/>
  <c r="L24" i="2"/>
  <c r="AD6" i="2"/>
  <c r="Q20" i="2"/>
  <c r="J26" i="2"/>
  <c r="AB8" i="2"/>
  <c r="K25" i="2"/>
  <c r="AC7" i="2"/>
  <c r="M24" i="2" l="1"/>
  <c r="AE6" i="2"/>
  <c r="F31" i="2"/>
  <c r="X13" i="2"/>
  <c r="J27" i="2"/>
  <c r="AB9" i="2"/>
  <c r="E32" i="2"/>
  <c r="W14" i="2"/>
  <c r="L25" i="2"/>
  <c r="AD7" i="2"/>
  <c r="I28" i="2"/>
  <c r="AA10" i="2"/>
  <c r="AF5" i="2"/>
  <c r="N23" i="2"/>
  <c r="D33" i="2"/>
  <c r="V15" i="2"/>
  <c r="H29" i="2"/>
  <c r="Z11" i="2"/>
  <c r="K26" i="2"/>
  <c r="AC8" i="2"/>
  <c r="C34" i="2"/>
  <c r="U16" i="2"/>
  <c r="P21" i="2"/>
  <c r="AG4" i="2"/>
  <c r="O22" i="2"/>
  <c r="G30" i="2"/>
  <c r="Y12" i="2"/>
  <c r="Q21" i="2" l="1"/>
  <c r="AH4" i="2"/>
  <c r="P22" i="2"/>
  <c r="J28" i="2"/>
  <c r="AB10" i="2"/>
  <c r="N24" i="2"/>
  <c r="AF6" i="2"/>
  <c r="G31" i="2"/>
  <c r="Y13" i="2"/>
  <c r="I29" i="2"/>
  <c r="AA11" i="2"/>
  <c r="F32" i="2"/>
  <c r="X14" i="2"/>
  <c r="D34" i="2"/>
  <c r="V16" i="2"/>
  <c r="AG5" i="2"/>
  <c r="O23" i="2"/>
  <c r="E33" i="2"/>
  <c r="W15" i="2"/>
  <c r="C35" i="2"/>
  <c r="U17" i="2"/>
  <c r="K27" i="2"/>
  <c r="AC9" i="2"/>
  <c r="AI3" i="2"/>
  <c r="H30" i="2"/>
  <c r="Z12" i="2"/>
  <c r="L26" i="2"/>
  <c r="AD8" i="2"/>
  <c r="M25" i="2"/>
  <c r="AE7" i="2"/>
  <c r="K28" i="2" l="1"/>
  <c r="AC10" i="2"/>
  <c r="N25" i="2"/>
  <c r="AF7" i="2"/>
  <c r="G32" i="2"/>
  <c r="Y14" i="2"/>
  <c r="D35" i="2"/>
  <c r="V17" i="2"/>
  <c r="F33" i="2"/>
  <c r="X15" i="2"/>
  <c r="J29" i="2"/>
  <c r="AB11" i="2"/>
  <c r="L27" i="2"/>
  <c r="AD9" i="2"/>
  <c r="AH5" i="2"/>
  <c r="P23" i="2"/>
  <c r="E34" i="2"/>
  <c r="W16" i="2"/>
  <c r="M26" i="2"/>
  <c r="AE8" i="2"/>
  <c r="I30" i="2"/>
  <c r="AA12" i="2"/>
  <c r="H31" i="2"/>
  <c r="Z13" i="2"/>
  <c r="O24" i="2"/>
  <c r="AG6" i="2"/>
  <c r="AI4" i="2"/>
  <c r="Q22" i="2"/>
  <c r="P24" i="2" l="1"/>
  <c r="AH6" i="2"/>
  <c r="L28" i="2"/>
  <c r="AD10" i="2"/>
  <c r="G33" i="2"/>
  <c r="Y15" i="2"/>
  <c r="I31" i="2"/>
  <c r="AA13" i="2"/>
  <c r="M27" i="2"/>
  <c r="AE9" i="2"/>
  <c r="J30" i="2"/>
  <c r="AB12" i="2"/>
  <c r="N26" i="2"/>
  <c r="AF8" i="2"/>
  <c r="H32" i="2"/>
  <c r="Z14" i="2"/>
  <c r="Q23" i="2"/>
  <c r="AI5" i="2"/>
  <c r="O25" i="2"/>
  <c r="AG7" i="2"/>
  <c r="E35" i="2"/>
  <c r="W17" i="2"/>
  <c r="F34" i="2"/>
  <c r="X16" i="2"/>
  <c r="K29" i="2"/>
  <c r="AC11" i="2"/>
  <c r="I32" i="2" l="1"/>
  <c r="AA14" i="2"/>
  <c r="G34" i="2"/>
  <c r="Y16" i="2"/>
  <c r="H33" i="2"/>
  <c r="Z15" i="2"/>
  <c r="N27" i="2"/>
  <c r="AF9" i="2"/>
  <c r="O26" i="2"/>
  <c r="AG8" i="2"/>
  <c r="J31" i="2"/>
  <c r="AB13" i="2"/>
  <c r="L29" i="2"/>
  <c r="AD11" i="2"/>
  <c r="F35" i="2"/>
  <c r="X17" i="2"/>
  <c r="K30" i="2"/>
  <c r="AC12" i="2"/>
  <c r="Q24" i="2"/>
  <c r="AI6" i="2"/>
  <c r="M28" i="2"/>
  <c r="AE10" i="2"/>
  <c r="P25" i="2"/>
  <c r="AH7" i="2"/>
  <c r="N28" i="2" l="1"/>
  <c r="AF10" i="2"/>
  <c r="K31" i="2"/>
  <c r="AC13" i="2"/>
  <c r="I33" i="2"/>
  <c r="AA15" i="2"/>
  <c r="P26" i="2"/>
  <c r="AH8" i="2"/>
  <c r="M29" i="2"/>
  <c r="AE11" i="2"/>
  <c r="O27" i="2"/>
  <c r="AG9" i="2"/>
  <c r="L30" i="2"/>
  <c r="AD12" i="2"/>
  <c r="Q25" i="2"/>
  <c r="AI7" i="2"/>
  <c r="J32" i="2"/>
  <c r="AB14" i="2"/>
  <c r="G35" i="2"/>
  <c r="Y17" i="2"/>
  <c r="H34" i="2"/>
  <c r="Z16" i="2"/>
  <c r="P27" i="2" l="1"/>
  <c r="AH9" i="2"/>
  <c r="Q26" i="2"/>
  <c r="AI8" i="2"/>
  <c r="I34" i="2"/>
  <c r="AA16" i="2"/>
  <c r="J33" i="2"/>
  <c r="AB15" i="2"/>
  <c r="L31" i="2"/>
  <c r="AD13" i="2"/>
  <c r="O28" i="2"/>
  <c r="AG10" i="2"/>
  <c r="K32" i="2"/>
  <c r="AC14" i="2"/>
  <c r="H35" i="2"/>
  <c r="Z17" i="2"/>
  <c r="M30" i="2"/>
  <c r="AE12" i="2"/>
  <c r="N29" i="2"/>
  <c r="AF11" i="2"/>
  <c r="I35" i="2" l="1"/>
  <c r="AA17" i="2"/>
  <c r="K33" i="2"/>
  <c r="AC15" i="2"/>
  <c r="O29" i="2"/>
  <c r="AG11" i="2"/>
  <c r="Q27" i="2"/>
  <c r="AI9" i="2"/>
  <c r="J34" i="2"/>
  <c r="AB16" i="2"/>
  <c r="N30" i="2"/>
  <c r="AF12" i="2"/>
  <c r="M31" i="2"/>
  <c r="AE13" i="2"/>
  <c r="L32" i="2"/>
  <c r="AD14" i="2"/>
  <c r="P28" i="2"/>
  <c r="AH10" i="2"/>
  <c r="Q28" i="2" l="1"/>
  <c r="AI10" i="2"/>
  <c r="M32" i="2"/>
  <c r="AE14" i="2"/>
  <c r="K34" i="2"/>
  <c r="AC16" i="2"/>
  <c r="L33" i="2"/>
  <c r="AD15" i="2"/>
  <c r="O30" i="2"/>
  <c r="AG12" i="2"/>
  <c r="N31" i="2"/>
  <c r="AF13" i="2"/>
  <c r="P29" i="2"/>
  <c r="AH11" i="2"/>
  <c r="J35" i="2"/>
  <c r="AB17" i="2"/>
  <c r="L34" i="2" l="1"/>
  <c r="AD16" i="2"/>
  <c r="M33" i="2"/>
  <c r="AE15" i="2"/>
  <c r="P30" i="2"/>
  <c r="AH12" i="2"/>
  <c r="K35" i="2"/>
  <c r="AC17" i="2"/>
  <c r="N32" i="2"/>
  <c r="AF14" i="2"/>
  <c r="O31" i="2"/>
  <c r="AG13" i="2"/>
  <c r="Q29" i="2"/>
  <c r="AI11" i="2"/>
  <c r="O32" i="2" l="1"/>
  <c r="AG14" i="2"/>
  <c r="Q30" i="2"/>
  <c r="AI12" i="2"/>
  <c r="P31" i="2"/>
  <c r="AH13" i="2"/>
  <c r="M34" i="2"/>
  <c r="AE16" i="2"/>
  <c r="N33" i="2"/>
  <c r="AF15" i="2"/>
  <c r="L35" i="2"/>
  <c r="AD17" i="2"/>
  <c r="M35" i="2" l="1"/>
  <c r="AE17" i="2"/>
  <c r="Q31" i="2"/>
  <c r="AI13" i="2"/>
  <c r="P32" i="2"/>
  <c r="AH14" i="2"/>
  <c r="N34" i="2"/>
  <c r="AF16" i="2"/>
  <c r="O33" i="2"/>
  <c r="AG15" i="2"/>
  <c r="O34" i="2" l="1"/>
  <c r="AG16" i="2"/>
  <c r="N35" i="2"/>
  <c r="AF17" i="2"/>
  <c r="Q32" i="2"/>
  <c r="AI14" i="2"/>
  <c r="P33" i="2"/>
  <c r="AH15" i="2"/>
  <c r="P34" i="2" l="1"/>
  <c r="AH16" i="2"/>
  <c r="Q33" i="2"/>
  <c r="AI15" i="2"/>
  <c r="O35" i="2"/>
  <c r="AG17" i="2"/>
  <c r="Q34" i="2" l="1"/>
  <c r="AI16" i="2"/>
  <c r="P35" i="2"/>
  <c r="AH17" i="2"/>
  <c r="Q35" i="2" l="1"/>
  <c r="B18" i="1" s="1"/>
  <c r="AI17" i="2"/>
  <c r="P17" i="2" l="1"/>
  <c r="Q16" i="2"/>
  <c r="Q15" i="2" s="1"/>
  <c r="Q14" i="2" s="1"/>
  <c r="Q13" i="2" s="1"/>
  <c r="Q12" i="2" s="1"/>
  <c r="Q11" i="2" s="1"/>
  <c r="Q10" i="2" s="1"/>
  <c r="Q9" i="2" s="1"/>
  <c r="Q8" i="2" s="1"/>
  <c r="Q7" i="2" s="1"/>
  <c r="Q6" i="2" s="1"/>
  <c r="Q5" i="2" s="1"/>
  <c r="Q4" i="2" s="1"/>
  <c r="Q3" i="2" s="1"/>
  <c r="Q2" i="2" s="1"/>
  <c r="O17" i="2" l="1"/>
  <c r="N17" i="2" s="1"/>
  <c r="M17" i="2" s="1"/>
  <c r="L17" i="2" s="1"/>
  <c r="P16" i="2"/>
  <c r="K17" i="2" l="1"/>
  <c r="O16" i="2"/>
  <c r="P15" i="2"/>
  <c r="P14" i="2" s="1"/>
  <c r="P13" i="2" s="1"/>
  <c r="P12" i="2" s="1"/>
  <c r="P11" i="2" s="1"/>
  <c r="P10" i="2" s="1"/>
  <c r="P9" i="2" s="1"/>
  <c r="P8" i="2" l="1"/>
  <c r="N16" i="2"/>
  <c r="O15" i="2"/>
  <c r="O14" i="2" s="1"/>
  <c r="O13" i="2" s="1"/>
  <c r="O12" i="2" s="1"/>
  <c r="O11" i="2" s="1"/>
  <c r="O10" i="2" s="1"/>
  <c r="O9" i="2" s="1"/>
  <c r="J17" i="2"/>
  <c r="M16" i="2" l="1"/>
  <c r="N15" i="2"/>
  <c r="N14" i="2" s="1"/>
  <c r="N13" i="2" s="1"/>
  <c r="N12" i="2" s="1"/>
  <c r="N11" i="2" s="1"/>
  <c r="N10" i="2" s="1"/>
  <c r="N9" i="2" s="1"/>
  <c r="N8" i="2" s="1"/>
  <c r="I17" i="2"/>
  <c r="O8" i="2"/>
  <c r="P7" i="2"/>
  <c r="O7" i="2" l="1"/>
  <c r="N7" i="2" s="1"/>
  <c r="P6" i="2"/>
  <c r="H17" i="2"/>
  <c r="M15" i="2"/>
  <c r="M14" i="2" s="1"/>
  <c r="M13" i="2" s="1"/>
  <c r="M12" i="2" s="1"/>
  <c r="M11" i="2" s="1"/>
  <c r="M10" i="2" s="1"/>
  <c r="M9" i="2" s="1"/>
  <c r="M8" i="2" s="1"/>
  <c r="L16" i="2"/>
  <c r="M7" i="2" l="1"/>
  <c r="L15" i="2"/>
  <c r="L14" i="2" s="1"/>
  <c r="L13" i="2" s="1"/>
  <c r="L12" i="2" s="1"/>
  <c r="L11" i="2" s="1"/>
  <c r="L10" i="2" s="1"/>
  <c r="L9" i="2" s="1"/>
  <c r="L8" i="2" s="1"/>
  <c r="L7" i="2" s="1"/>
  <c r="K16" i="2"/>
  <c r="G17" i="2"/>
  <c r="O6" i="2"/>
  <c r="N6" i="2" s="1"/>
  <c r="P5" i="2"/>
  <c r="F17" i="2" l="1"/>
  <c r="K15" i="2"/>
  <c r="K14" i="2" s="1"/>
  <c r="K13" i="2" s="1"/>
  <c r="K12" i="2" s="1"/>
  <c r="K11" i="2" s="1"/>
  <c r="K10" i="2" s="1"/>
  <c r="K9" i="2" s="1"/>
  <c r="K8" i="2" s="1"/>
  <c r="K7" i="2" s="1"/>
  <c r="J16" i="2"/>
  <c r="M6" i="2"/>
  <c r="O5" i="2"/>
  <c r="N5" i="2" s="1"/>
  <c r="P4" i="2"/>
  <c r="M5" i="2" l="1"/>
  <c r="L6" i="2"/>
  <c r="J15" i="2"/>
  <c r="J14" i="2" s="1"/>
  <c r="J13" i="2" s="1"/>
  <c r="J12" i="2" s="1"/>
  <c r="J11" i="2" s="1"/>
  <c r="J10" i="2" s="1"/>
  <c r="J9" i="2" s="1"/>
  <c r="J8" i="2" s="1"/>
  <c r="J7" i="2" s="1"/>
  <c r="I16" i="2"/>
  <c r="E17" i="2"/>
  <c r="O4" i="2"/>
  <c r="N4" i="2" s="1"/>
  <c r="P3" i="2"/>
  <c r="L5" i="2" l="1"/>
  <c r="I15" i="2"/>
  <c r="I14" i="2" s="1"/>
  <c r="I13" i="2" s="1"/>
  <c r="I12" i="2" s="1"/>
  <c r="I11" i="2" s="1"/>
  <c r="I10" i="2" s="1"/>
  <c r="I9" i="2" s="1"/>
  <c r="I8" i="2" s="1"/>
  <c r="I7" i="2" s="1"/>
  <c r="H16" i="2"/>
  <c r="D17" i="2"/>
  <c r="K6" i="2"/>
  <c r="M4" i="2"/>
  <c r="O3" i="2"/>
  <c r="N3" i="2" s="1"/>
  <c r="P2" i="2"/>
  <c r="L4" i="2" l="1"/>
  <c r="K5" i="2"/>
  <c r="M3" i="2"/>
  <c r="C17" i="2"/>
  <c r="J6" i="2"/>
  <c r="J5" i="2" s="1"/>
  <c r="O2" i="2"/>
  <c r="N2" i="2" s="1"/>
  <c r="H15" i="2"/>
  <c r="H14" i="2" s="1"/>
  <c r="H13" i="2" s="1"/>
  <c r="H12" i="2" s="1"/>
  <c r="H11" i="2" s="1"/>
  <c r="H10" i="2" s="1"/>
  <c r="H9" i="2" s="1"/>
  <c r="H8" i="2" s="1"/>
  <c r="H7" i="2" s="1"/>
  <c r="G16" i="2"/>
  <c r="L3" i="2" l="1"/>
  <c r="M2" i="2"/>
  <c r="K4" i="2"/>
  <c r="J4" i="2" s="1"/>
  <c r="B17" i="2"/>
  <c r="I6" i="2"/>
  <c r="I5" i="2" s="1"/>
  <c r="G15" i="2"/>
  <c r="G14" i="2" s="1"/>
  <c r="G13" i="2" s="1"/>
  <c r="G12" i="2" s="1"/>
  <c r="G11" i="2" s="1"/>
  <c r="G10" i="2" s="1"/>
  <c r="G9" i="2" s="1"/>
  <c r="G8" i="2" s="1"/>
  <c r="G7" i="2" s="1"/>
  <c r="F16" i="2"/>
  <c r="L2" i="2" l="1"/>
  <c r="I4" i="2"/>
  <c r="K3" i="2"/>
  <c r="J3" i="2" s="1"/>
  <c r="F15" i="2"/>
  <c r="F14" i="2" s="1"/>
  <c r="F13" i="2" s="1"/>
  <c r="F12" i="2" s="1"/>
  <c r="F11" i="2" s="1"/>
  <c r="F10" i="2" s="1"/>
  <c r="F9" i="2" s="1"/>
  <c r="F8" i="2" s="1"/>
  <c r="F7" i="2" s="1"/>
  <c r="E16" i="2"/>
  <c r="H6" i="2"/>
  <c r="H5" i="2" s="1"/>
  <c r="H4" i="2" l="1"/>
  <c r="I3" i="2"/>
  <c r="K2" i="2"/>
  <c r="J2" i="2" s="1"/>
  <c r="E15" i="2"/>
  <c r="E14" i="2" s="1"/>
  <c r="E13" i="2" s="1"/>
  <c r="E12" i="2" s="1"/>
  <c r="E11" i="2" s="1"/>
  <c r="E10" i="2" s="1"/>
  <c r="E9" i="2" s="1"/>
  <c r="E8" i="2" s="1"/>
  <c r="E7" i="2" s="1"/>
  <c r="D16" i="2"/>
  <c r="G6" i="2"/>
  <c r="G5" i="2" s="1"/>
  <c r="G4" i="2" s="1"/>
  <c r="H3" i="2" l="1"/>
  <c r="G3" i="2" s="1"/>
  <c r="I2" i="2"/>
  <c r="D15" i="2"/>
  <c r="D14" i="2" s="1"/>
  <c r="D13" i="2" s="1"/>
  <c r="D12" i="2" s="1"/>
  <c r="D11" i="2" s="1"/>
  <c r="D10" i="2" s="1"/>
  <c r="D9" i="2" s="1"/>
  <c r="D8" i="2" s="1"/>
  <c r="D7" i="2" s="1"/>
  <c r="C16" i="2"/>
  <c r="F6" i="2"/>
  <c r="F5" i="2" s="1"/>
  <c r="F4" i="2" s="1"/>
  <c r="F3" i="2" l="1"/>
  <c r="H2" i="2"/>
  <c r="G2" i="2" s="1"/>
  <c r="E6" i="2"/>
  <c r="E5" i="2" s="1"/>
  <c r="E4" i="2" s="1"/>
  <c r="C15" i="2"/>
  <c r="C14" i="2" s="1"/>
  <c r="C13" i="2" s="1"/>
  <c r="C12" i="2" s="1"/>
  <c r="C11" i="2" s="1"/>
  <c r="C10" i="2" s="1"/>
  <c r="C9" i="2" s="1"/>
  <c r="C8" i="2" s="1"/>
  <c r="C7" i="2" s="1"/>
  <c r="B16" i="2"/>
  <c r="F2" i="2" l="1"/>
  <c r="E3" i="2"/>
  <c r="D6" i="2"/>
  <c r="D5" i="2" s="1"/>
  <c r="D4" i="2" s="1"/>
  <c r="D3" i="2" s="1"/>
  <c r="B15" i="2"/>
  <c r="B14" i="2" s="1"/>
  <c r="B13" i="2" s="1"/>
  <c r="B12" i="2" s="1"/>
  <c r="B11" i="2" s="1"/>
  <c r="B10" i="2" s="1"/>
  <c r="B9" i="2" s="1"/>
  <c r="B8" i="2" s="1"/>
  <c r="B7" i="2" s="1"/>
  <c r="E2" i="2" l="1"/>
  <c r="D2" i="2" s="1"/>
  <c r="C6" i="2"/>
  <c r="B6" i="2" s="1"/>
  <c r="C5" i="2" l="1"/>
  <c r="C4" i="2" s="1"/>
  <c r="C3" i="2" s="1"/>
  <c r="C2" i="2" s="1"/>
  <c r="B5" i="2" l="1"/>
  <c r="B4" i="2" s="1"/>
  <c r="B3" i="2" s="1"/>
  <c r="B2" i="2" s="1"/>
</calcChain>
</file>

<file path=xl/sharedStrings.xml><?xml version="1.0" encoding="utf-8"?>
<sst xmlns="http://schemas.openxmlformats.org/spreadsheetml/2006/main" count="31" uniqueCount="3">
  <si>
    <t>&lt;</t>
  </si>
  <si>
    <t>S</t>
  </si>
  <si>
    <t>^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"/>
    <numFmt numFmtId="165" formatCode="&quot;A begyűjthető maximális érték&quot;\ 0.0"/>
  </numFmts>
  <fonts count="3" x14ac:knownFonts="1">
    <font>
      <sz val="11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2"/>
      <color theme="1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28">
    <xf numFmtId="0" fontId="0" fillId="0" borderId="0" xfId="0"/>
    <xf numFmtId="164" fontId="0" fillId="0" borderId="0" xfId="0" applyNumberFormat="1"/>
    <xf numFmtId="0" fontId="0" fillId="0" borderId="0" xfId="0" applyAlignment="1">
      <alignment horizontal="center"/>
    </xf>
    <xf numFmtId="0" fontId="0" fillId="0" borderId="0" xfId="0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 vertical="center"/>
    </xf>
    <xf numFmtId="164" fontId="0" fillId="0" borderId="2" xfId="0" applyNumberFormat="1" applyBorder="1" applyAlignment="1">
      <alignment horizontal="center"/>
    </xf>
    <xf numFmtId="164" fontId="0" fillId="0" borderId="3" xfId="0" applyNumberFormat="1" applyBorder="1" applyAlignment="1">
      <alignment horizontal="center"/>
    </xf>
    <xf numFmtId="164" fontId="0" fillId="0" borderId="5" xfId="0" applyNumberFormat="1" applyBorder="1" applyAlignment="1">
      <alignment horizontal="center"/>
    </xf>
    <xf numFmtId="164" fontId="0" fillId="0" borderId="1" xfId="0" applyNumberFormat="1" applyBorder="1" applyAlignment="1">
      <alignment horizontal="center"/>
    </xf>
    <xf numFmtId="164" fontId="0" fillId="0" borderId="7" xfId="0" applyNumberFormat="1" applyBorder="1" applyAlignment="1">
      <alignment horizontal="center"/>
    </xf>
    <xf numFmtId="164" fontId="0" fillId="0" borderId="8" xfId="0" applyNumberFormat="1" applyBorder="1" applyAlignment="1">
      <alignment horizontal="center"/>
    </xf>
    <xf numFmtId="164" fontId="0" fillId="0" borderId="4" xfId="0" applyNumberFormat="1" applyBorder="1" applyAlignment="1">
      <alignment horizontal="center"/>
    </xf>
    <xf numFmtId="164" fontId="0" fillId="0" borderId="6" xfId="0" applyNumberFormat="1" applyBorder="1" applyAlignment="1">
      <alignment horizontal="center"/>
    </xf>
    <xf numFmtId="164" fontId="0" fillId="0" borderId="9" xfId="0" applyNumberFormat="1" applyBorder="1" applyAlignment="1">
      <alignment horizontal="center"/>
    </xf>
    <xf numFmtId="1" fontId="0" fillId="0" borderId="1" xfId="0" applyNumberFormat="1" applyBorder="1" applyAlignment="1">
      <alignment horizontal="center"/>
    </xf>
    <xf numFmtId="164" fontId="1" fillId="0" borderId="2" xfId="0" applyNumberFormat="1" applyFont="1" applyBorder="1" applyAlignment="1">
      <alignment horizontal="center"/>
    </xf>
    <xf numFmtId="164" fontId="1" fillId="0" borderId="3" xfId="0" applyNumberFormat="1" applyFont="1" applyBorder="1" applyAlignment="1">
      <alignment horizontal="center"/>
    </xf>
    <xf numFmtId="164" fontId="1" fillId="0" borderId="4" xfId="0" applyNumberFormat="1" applyFont="1" applyBorder="1" applyAlignment="1">
      <alignment horizontal="center"/>
    </xf>
    <xf numFmtId="164" fontId="1" fillId="0" borderId="5" xfId="0" applyNumberFormat="1" applyFont="1" applyBorder="1" applyAlignment="1">
      <alignment horizontal="center"/>
    </xf>
    <xf numFmtId="164" fontId="1" fillId="0" borderId="1" xfId="0" applyNumberFormat="1" applyFont="1" applyBorder="1" applyAlignment="1">
      <alignment horizontal="center"/>
    </xf>
    <xf numFmtId="164" fontId="1" fillId="0" borderId="6" xfId="0" applyNumberFormat="1" applyFont="1" applyBorder="1" applyAlignment="1">
      <alignment horizontal="center"/>
    </xf>
    <xf numFmtId="164" fontId="1" fillId="0" borderId="7" xfId="0" applyNumberFormat="1" applyFont="1" applyBorder="1" applyAlignment="1">
      <alignment horizontal="center"/>
    </xf>
    <xf numFmtId="164" fontId="1" fillId="0" borderId="8" xfId="0" applyNumberFormat="1" applyFont="1" applyBorder="1" applyAlignment="1">
      <alignment horizontal="center"/>
    </xf>
    <xf numFmtId="164" fontId="1" fillId="0" borderId="9" xfId="0" applyNumberFormat="1" applyFont="1" applyBorder="1" applyAlignment="1">
      <alignment horizontal="center"/>
    </xf>
    <xf numFmtId="165" fontId="2" fillId="0" borderId="13" xfId="0" applyNumberFormat="1" applyFont="1" applyBorder="1" applyAlignment="1">
      <alignment horizontal="center"/>
    </xf>
  </cellXfs>
  <cellStyles count="1">
    <cellStyle name="Normál" xfId="0" builtinId="0"/>
  </cellStyles>
  <dxfs count="1">
    <dxf>
      <font>
        <b/>
        <i val="0"/>
      </font>
      <fill>
        <patternFill>
          <bgColor theme="0" tint="-0.34998626667073579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837A88B-F178-4CF3-B869-BB0701F7931C}">
  <dimension ref="A1:Q27"/>
  <sheetViews>
    <sheetView tabSelected="1" workbookViewId="0">
      <selection activeCell="Q15" sqref="Q15"/>
    </sheetView>
  </sheetViews>
  <sheetFormatPr defaultRowHeight="15" x14ac:dyDescent="0.25"/>
  <cols>
    <col min="1" max="1" width="9.140625" style="2"/>
    <col min="2" max="17" width="4.7109375" customWidth="1"/>
  </cols>
  <sheetData>
    <row r="1" spans="1:17" s="3" customFormat="1" ht="15.75" thickBot="1" x14ac:dyDescent="0.3">
      <c r="A1" s="4"/>
      <c r="B1" s="7">
        <v>1</v>
      </c>
      <c r="C1" s="7">
        <f>+B1+1</f>
        <v>2</v>
      </c>
      <c r="D1" s="7">
        <f t="shared" ref="D1:Q1" si="0">+C1+1</f>
        <v>3</v>
      </c>
      <c r="E1" s="7">
        <f t="shared" si="0"/>
        <v>4</v>
      </c>
      <c r="F1" s="7">
        <f t="shared" si="0"/>
        <v>5</v>
      </c>
      <c r="G1" s="7">
        <f t="shared" si="0"/>
        <v>6</v>
      </c>
      <c r="H1" s="7">
        <f t="shared" si="0"/>
        <v>7</v>
      </c>
      <c r="I1" s="7">
        <f t="shared" si="0"/>
        <v>8</v>
      </c>
      <c r="J1" s="7">
        <f t="shared" si="0"/>
        <v>9</v>
      </c>
      <c r="K1" s="7">
        <f t="shared" si="0"/>
        <v>10</v>
      </c>
      <c r="L1" s="7">
        <f t="shared" si="0"/>
        <v>11</v>
      </c>
      <c r="M1" s="7">
        <f t="shared" si="0"/>
        <v>12</v>
      </c>
      <c r="N1" s="7">
        <f t="shared" si="0"/>
        <v>13</v>
      </c>
      <c r="O1" s="7">
        <f t="shared" si="0"/>
        <v>14</v>
      </c>
      <c r="P1" s="7">
        <f t="shared" si="0"/>
        <v>15</v>
      </c>
      <c r="Q1" s="7">
        <f t="shared" si="0"/>
        <v>16</v>
      </c>
    </row>
    <row r="2" spans="1:17" ht="15" customHeight="1" x14ac:dyDescent="0.25">
      <c r="A2" s="5">
        <v>1</v>
      </c>
      <c r="B2" s="18">
        <v>1</v>
      </c>
      <c r="C2" s="19"/>
      <c r="D2" s="19"/>
      <c r="E2" s="19"/>
      <c r="F2" s="19"/>
      <c r="G2" s="19"/>
      <c r="H2" s="19"/>
      <c r="I2" s="19"/>
      <c r="J2" s="19"/>
      <c r="K2" s="19"/>
      <c r="L2" s="19"/>
      <c r="M2" s="19"/>
      <c r="N2" s="19"/>
      <c r="O2" s="19">
        <v>1</v>
      </c>
      <c r="P2" s="19">
        <v>1</v>
      </c>
      <c r="Q2" s="20"/>
    </row>
    <row r="3" spans="1:17" ht="15" customHeight="1" x14ac:dyDescent="0.25">
      <c r="A3" s="5">
        <f>+A2+1</f>
        <v>2</v>
      </c>
      <c r="B3" s="21"/>
      <c r="C3" s="22"/>
      <c r="D3" s="22"/>
      <c r="E3" s="22"/>
      <c r="F3" s="22"/>
      <c r="G3" s="22"/>
      <c r="H3" s="22"/>
      <c r="I3" s="22"/>
      <c r="J3" s="22"/>
      <c r="K3" s="22"/>
      <c r="L3" s="22"/>
      <c r="M3" s="22"/>
      <c r="N3" s="22"/>
      <c r="O3" s="22"/>
      <c r="P3" s="22"/>
      <c r="Q3" s="23"/>
    </row>
    <row r="4" spans="1:17" ht="15" customHeight="1" x14ac:dyDescent="0.25">
      <c r="A4" s="5">
        <f t="shared" ref="A4:A17" si="1">+A3+1</f>
        <v>3</v>
      </c>
      <c r="B4" s="21"/>
      <c r="C4" s="22"/>
      <c r="D4" s="22"/>
      <c r="E4" s="22">
        <v>1</v>
      </c>
      <c r="F4" s="22"/>
      <c r="G4" s="22"/>
      <c r="H4" s="22"/>
      <c r="I4" s="22"/>
      <c r="J4" s="22"/>
      <c r="K4" s="22"/>
      <c r="L4" s="22"/>
      <c r="M4" s="22"/>
      <c r="N4" s="22"/>
      <c r="O4" s="22">
        <v>1</v>
      </c>
      <c r="P4" s="22">
        <v>1</v>
      </c>
      <c r="Q4" s="23">
        <v>1</v>
      </c>
    </row>
    <row r="5" spans="1:17" ht="15" customHeight="1" x14ac:dyDescent="0.25">
      <c r="A5" s="5">
        <f t="shared" si="1"/>
        <v>4</v>
      </c>
      <c r="B5" s="21">
        <v>1</v>
      </c>
      <c r="C5" s="22"/>
      <c r="D5" s="22">
        <v>1</v>
      </c>
      <c r="E5" s="22"/>
      <c r="F5" s="22"/>
      <c r="G5" s="22"/>
      <c r="H5" s="22"/>
      <c r="I5" s="22"/>
      <c r="J5" s="22"/>
      <c r="K5" s="22"/>
      <c r="L5" s="22"/>
      <c r="M5" s="22"/>
      <c r="N5" s="22"/>
      <c r="O5" s="22"/>
      <c r="P5" s="22"/>
      <c r="Q5" s="23">
        <v>1</v>
      </c>
    </row>
    <row r="6" spans="1:17" ht="15" customHeight="1" x14ac:dyDescent="0.25">
      <c r="A6" s="5">
        <f t="shared" si="1"/>
        <v>5</v>
      </c>
      <c r="B6" s="21"/>
      <c r="C6" s="22"/>
      <c r="D6" s="22"/>
      <c r="E6" s="22"/>
      <c r="F6" s="22"/>
      <c r="G6" s="22"/>
      <c r="H6" s="22"/>
      <c r="I6" s="22"/>
      <c r="J6" s="22"/>
      <c r="K6" s="22"/>
      <c r="L6" s="22"/>
      <c r="M6" s="22"/>
      <c r="N6" s="22"/>
      <c r="O6" s="22"/>
      <c r="P6" s="22">
        <v>1</v>
      </c>
      <c r="Q6" s="23">
        <v>1</v>
      </c>
    </row>
    <row r="7" spans="1:17" ht="15" customHeight="1" x14ac:dyDescent="0.25">
      <c r="A7" s="5">
        <f t="shared" si="1"/>
        <v>6</v>
      </c>
      <c r="B7" s="21"/>
      <c r="C7" s="22"/>
      <c r="D7" s="22"/>
      <c r="E7" s="22"/>
      <c r="F7" s="22"/>
      <c r="G7" s="22"/>
      <c r="H7" s="22"/>
      <c r="I7" s="22"/>
      <c r="J7" s="22"/>
      <c r="K7" s="22"/>
      <c r="L7" s="22"/>
      <c r="M7" s="22"/>
      <c r="N7" s="22"/>
      <c r="O7" s="22"/>
      <c r="P7" s="22">
        <v>1</v>
      </c>
      <c r="Q7" s="23">
        <v>1</v>
      </c>
    </row>
    <row r="8" spans="1:17" ht="15" customHeight="1" x14ac:dyDescent="0.25">
      <c r="A8" s="5">
        <f t="shared" si="1"/>
        <v>7</v>
      </c>
      <c r="B8" s="21"/>
      <c r="C8" s="22"/>
      <c r="D8" s="22"/>
      <c r="E8" s="22">
        <v>1</v>
      </c>
      <c r="F8" s="22"/>
      <c r="G8" s="22"/>
      <c r="H8" s="22"/>
      <c r="I8" s="22"/>
      <c r="J8" s="22"/>
      <c r="K8" s="22"/>
      <c r="L8" s="22"/>
      <c r="M8" s="22"/>
      <c r="N8" s="22"/>
      <c r="O8" s="22"/>
      <c r="P8" s="22">
        <v>1</v>
      </c>
      <c r="Q8" s="23">
        <v>1</v>
      </c>
    </row>
    <row r="9" spans="1:17" ht="15" customHeight="1" x14ac:dyDescent="0.25">
      <c r="A9" s="5">
        <f t="shared" si="1"/>
        <v>8</v>
      </c>
      <c r="B9" s="21"/>
      <c r="C9" s="22"/>
      <c r="D9" s="22"/>
      <c r="E9" s="22"/>
      <c r="F9" s="22"/>
      <c r="G9" s="22"/>
      <c r="H9" s="22">
        <v>1</v>
      </c>
      <c r="I9" s="22"/>
      <c r="J9" s="22"/>
      <c r="K9" s="22"/>
      <c r="L9" s="22"/>
      <c r="M9" s="22"/>
      <c r="N9" s="22"/>
      <c r="O9" s="22"/>
      <c r="P9" s="22"/>
      <c r="Q9" s="23">
        <v>1</v>
      </c>
    </row>
    <row r="10" spans="1:17" ht="15" customHeight="1" x14ac:dyDescent="0.25">
      <c r="A10" s="5">
        <f t="shared" si="1"/>
        <v>9</v>
      </c>
      <c r="B10" s="21"/>
      <c r="C10" s="22"/>
      <c r="D10" s="22"/>
      <c r="E10" s="22"/>
      <c r="F10" s="22"/>
      <c r="G10" s="22"/>
      <c r="H10" s="22">
        <v>1</v>
      </c>
      <c r="I10" s="22"/>
      <c r="J10" s="22"/>
      <c r="K10" s="22">
        <v>8</v>
      </c>
      <c r="L10" s="22"/>
      <c r="M10" s="22"/>
      <c r="N10" s="22"/>
      <c r="O10" s="22"/>
      <c r="P10" s="22">
        <v>1</v>
      </c>
      <c r="Q10" s="23">
        <v>1</v>
      </c>
    </row>
    <row r="11" spans="1:17" ht="15" customHeight="1" x14ac:dyDescent="0.25">
      <c r="A11" s="5">
        <f t="shared" si="1"/>
        <v>10</v>
      </c>
      <c r="B11" s="21"/>
      <c r="C11" s="22"/>
      <c r="D11" s="22">
        <v>1</v>
      </c>
      <c r="E11" s="22"/>
      <c r="F11" s="22"/>
      <c r="G11" s="22"/>
      <c r="H11" s="22">
        <v>1</v>
      </c>
      <c r="I11" s="22"/>
      <c r="J11" s="22">
        <v>1</v>
      </c>
      <c r="K11" s="22"/>
      <c r="L11" s="22"/>
      <c r="M11" s="22"/>
      <c r="N11" s="22"/>
      <c r="O11" s="22"/>
      <c r="P11" s="22"/>
      <c r="Q11" s="23"/>
    </row>
    <row r="12" spans="1:17" ht="15" customHeight="1" x14ac:dyDescent="0.25">
      <c r="A12" s="5">
        <f t="shared" si="1"/>
        <v>11</v>
      </c>
      <c r="B12" s="21"/>
      <c r="C12" s="22"/>
      <c r="D12" s="22"/>
      <c r="E12" s="22"/>
      <c r="F12" s="22"/>
      <c r="G12" s="22"/>
      <c r="H12" s="22">
        <v>1</v>
      </c>
      <c r="I12" s="22"/>
      <c r="J12" s="22"/>
      <c r="K12" s="22"/>
      <c r="L12" s="22"/>
      <c r="M12" s="22">
        <v>1.2</v>
      </c>
      <c r="N12" s="22"/>
      <c r="O12" s="22"/>
      <c r="P12" s="22">
        <v>1</v>
      </c>
      <c r="Q12" s="23"/>
    </row>
    <row r="13" spans="1:17" ht="15" customHeight="1" x14ac:dyDescent="0.25">
      <c r="A13" s="5">
        <f t="shared" si="1"/>
        <v>12</v>
      </c>
      <c r="B13" s="21"/>
      <c r="C13" s="22"/>
      <c r="D13" s="22"/>
      <c r="E13" s="22">
        <v>1</v>
      </c>
      <c r="F13" s="22"/>
      <c r="G13" s="22"/>
      <c r="H13" s="22">
        <v>1</v>
      </c>
      <c r="I13" s="22"/>
      <c r="J13" s="22"/>
      <c r="K13" s="22"/>
      <c r="L13" s="22">
        <v>1</v>
      </c>
      <c r="M13" s="22"/>
      <c r="N13" s="22"/>
      <c r="O13" s="22"/>
      <c r="P13" s="22"/>
      <c r="Q13" s="23"/>
    </row>
    <row r="14" spans="1:17" ht="15" customHeight="1" x14ac:dyDescent="0.25">
      <c r="A14" s="5">
        <f t="shared" si="1"/>
        <v>13</v>
      </c>
      <c r="B14" s="21"/>
      <c r="C14" s="22"/>
      <c r="D14" s="22"/>
      <c r="E14" s="22"/>
      <c r="F14" s="22">
        <v>1</v>
      </c>
      <c r="G14" s="22"/>
      <c r="H14" s="22">
        <v>1</v>
      </c>
      <c r="I14" s="22"/>
      <c r="J14" s="22"/>
      <c r="K14" s="22">
        <v>1.1000000000000001</v>
      </c>
      <c r="L14" s="22"/>
      <c r="M14" s="22"/>
      <c r="N14" s="22"/>
      <c r="O14" s="22"/>
      <c r="P14" s="22"/>
      <c r="Q14" s="23"/>
    </row>
    <row r="15" spans="1:17" ht="15" customHeight="1" x14ac:dyDescent="0.25">
      <c r="A15" s="5">
        <f t="shared" si="1"/>
        <v>14</v>
      </c>
      <c r="B15" s="21"/>
      <c r="C15" s="22"/>
      <c r="D15" s="22"/>
      <c r="E15" s="22"/>
      <c r="F15" s="22"/>
      <c r="G15" s="22"/>
      <c r="H15" s="22"/>
      <c r="I15" s="22"/>
      <c r="J15" s="22"/>
      <c r="K15" s="22"/>
      <c r="L15" s="22"/>
      <c r="M15" s="22"/>
      <c r="N15" s="22"/>
      <c r="O15" s="22">
        <v>1</v>
      </c>
      <c r="P15" s="22"/>
      <c r="Q15" s="23"/>
    </row>
    <row r="16" spans="1:17" ht="15" customHeight="1" x14ac:dyDescent="0.25">
      <c r="A16" s="5">
        <f t="shared" si="1"/>
        <v>15</v>
      </c>
      <c r="B16" s="21"/>
      <c r="C16" s="22"/>
      <c r="D16" s="22"/>
      <c r="E16" s="22"/>
      <c r="F16" s="22"/>
      <c r="G16" s="22"/>
      <c r="H16" s="22"/>
      <c r="I16" s="22"/>
      <c r="J16" s="22"/>
      <c r="K16" s="22"/>
      <c r="L16" s="22"/>
      <c r="M16" s="22"/>
      <c r="N16" s="22"/>
      <c r="O16" s="22"/>
      <c r="P16" s="22"/>
      <c r="Q16" s="23"/>
    </row>
    <row r="17" spans="1:17" ht="15" customHeight="1" thickBot="1" x14ac:dyDescent="0.3">
      <c r="A17" s="6">
        <f t="shared" si="1"/>
        <v>16</v>
      </c>
      <c r="B17" s="24"/>
      <c r="C17" s="25"/>
      <c r="D17" s="25"/>
      <c r="E17" s="25"/>
      <c r="F17" s="25">
        <v>1</v>
      </c>
      <c r="G17" s="25"/>
      <c r="H17" s="25"/>
      <c r="I17" s="25"/>
      <c r="J17" s="25"/>
      <c r="K17" s="25"/>
      <c r="L17" s="25"/>
      <c r="M17" s="25"/>
      <c r="N17" s="25"/>
      <c r="O17" s="25"/>
      <c r="P17" s="25"/>
      <c r="Q17" s="26"/>
    </row>
    <row r="18" spans="1:17" ht="15.75" x14ac:dyDescent="0.25">
      <c r="B18" s="27">
        <f>+Szamitas!Q35</f>
        <v>16.2</v>
      </c>
      <c r="C18" s="27"/>
      <c r="D18" s="27"/>
      <c r="E18" s="27"/>
      <c r="F18" s="27"/>
      <c r="G18" s="27"/>
      <c r="H18" s="27"/>
      <c r="I18" s="27"/>
      <c r="J18" s="27"/>
      <c r="K18" s="27"/>
      <c r="L18" s="27"/>
      <c r="M18" s="27"/>
      <c r="N18" s="27"/>
      <c r="O18" s="27"/>
      <c r="P18" s="27"/>
      <c r="Q18" s="27"/>
    </row>
    <row r="19" spans="1:17" x14ac:dyDescent="0.25"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</row>
    <row r="20" spans="1:17" x14ac:dyDescent="0.25"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</row>
    <row r="21" spans="1:17" x14ac:dyDescent="0.25"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</row>
    <row r="22" spans="1:17" x14ac:dyDescent="0.25"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</row>
    <row r="23" spans="1:17" x14ac:dyDescent="0.25"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</row>
    <row r="24" spans="1:17" x14ac:dyDescent="0.25"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</row>
    <row r="25" spans="1:17" x14ac:dyDescent="0.25"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</row>
    <row r="26" spans="1:17" x14ac:dyDescent="0.25"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</row>
    <row r="27" spans="1:17" x14ac:dyDescent="0.25"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</row>
  </sheetData>
  <mergeCells count="1">
    <mergeCell ref="B18:Q18"/>
  </mergeCells>
  <pageMargins left="0.7" right="0.7" top="0.75" bottom="0.75" header="0.3" footer="0.3"/>
  <pageSetup paperSize="9" orientation="portrait" verticalDpi="0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" id="{A6851E82-FB69-44D3-8C34-1A4955D1E575}">
            <xm:f>Szamitas!B2=1</xm:f>
            <x14:dxf>
              <font>
                <b/>
                <i val="0"/>
              </font>
              <fill>
                <patternFill>
                  <bgColor theme="0" tint="-0.34998626667073579"/>
                </patternFill>
              </fill>
            </x14:dxf>
          </x14:cfRule>
          <xm:sqref>B2:Q17</xm:sqref>
        </x14:conditionalFormatting>
      </x14:conditionalFormatting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249531-3E47-4F76-B743-5D2C821A3076}">
  <dimension ref="A1:AI35"/>
  <sheetViews>
    <sheetView workbookViewId="0">
      <selection activeCell="J11" sqref="J11"/>
    </sheetView>
  </sheetViews>
  <sheetFormatPr defaultRowHeight="15" x14ac:dyDescent="0.25"/>
  <cols>
    <col min="2" max="17" width="4.7109375" customWidth="1"/>
    <col min="19" max="35" width="4.7109375" customWidth="1"/>
    <col min="36" max="36" width="4.28515625" customWidth="1"/>
  </cols>
  <sheetData>
    <row r="1" spans="1:35" ht="15.75" thickBot="1" x14ac:dyDescent="0.3">
      <c r="A1" s="4"/>
      <c r="B1" s="7">
        <v>1</v>
      </c>
      <c r="C1" s="7">
        <f>+B1+1</f>
        <v>2</v>
      </c>
      <c r="D1" s="7">
        <f t="shared" ref="D1:Q1" si="0">+C1+1</f>
        <v>3</v>
      </c>
      <c r="E1" s="7">
        <f t="shared" si="0"/>
        <v>4</v>
      </c>
      <c r="F1" s="7">
        <f t="shared" si="0"/>
        <v>5</v>
      </c>
      <c r="G1" s="7">
        <f t="shared" si="0"/>
        <v>6</v>
      </c>
      <c r="H1" s="7">
        <f t="shared" si="0"/>
        <v>7</v>
      </c>
      <c r="I1" s="7">
        <f t="shared" si="0"/>
        <v>8</v>
      </c>
      <c r="J1" s="7">
        <f t="shared" si="0"/>
        <v>9</v>
      </c>
      <c r="K1" s="7">
        <f t="shared" si="0"/>
        <v>10</v>
      </c>
      <c r="L1" s="7">
        <f t="shared" si="0"/>
        <v>11</v>
      </c>
      <c r="M1" s="7">
        <f t="shared" si="0"/>
        <v>12</v>
      </c>
      <c r="N1" s="7">
        <f t="shared" si="0"/>
        <v>13</v>
      </c>
      <c r="O1" s="7">
        <f t="shared" si="0"/>
        <v>14</v>
      </c>
      <c r="P1" s="7">
        <f t="shared" si="0"/>
        <v>15</v>
      </c>
      <c r="Q1" s="7">
        <f t="shared" si="0"/>
        <v>16</v>
      </c>
      <c r="S1" s="4"/>
      <c r="T1" s="7">
        <v>1</v>
      </c>
      <c r="U1" s="7">
        <f>+T1+1</f>
        <v>2</v>
      </c>
      <c r="V1" s="7">
        <f t="shared" ref="V1:AI1" si="1">+U1+1</f>
        <v>3</v>
      </c>
      <c r="W1" s="7">
        <f t="shared" si="1"/>
        <v>4</v>
      </c>
      <c r="X1" s="7">
        <f t="shared" si="1"/>
        <v>5</v>
      </c>
      <c r="Y1" s="7">
        <f t="shared" si="1"/>
        <v>6</v>
      </c>
      <c r="Z1" s="7">
        <f t="shared" si="1"/>
        <v>7</v>
      </c>
      <c r="AA1" s="7">
        <f t="shared" si="1"/>
        <v>8</v>
      </c>
      <c r="AB1" s="7">
        <f t="shared" si="1"/>
        <v>9</v>
      </c>
      <c r="AC1" s="7">
        <f t="shared" si="1"/>
        <v>10</v>
      </c>
      <c r="AD1" s="7">
        <f t="shared" si="1"/>
        <v>11</v>
      </c>
      <c r="AE1" s="7">
        <f t="shared" si="1"/>
        <v>12</v>
      </c>
      <c r="AF1" s="7">
        <f t="shared" si="1"/>
        <v>13</v>
      </c>
      <c r="AG1" s="7">
        <f t="shared" si="1"/>
        <v>14</v>
      </c>
      <c r="AH1" s="7">
        <f t="shared" si="1"/>
        <v>15</v>
      </c>
      <c r="AI1" s="7">
        <f t="shared" si="1"/>
        <v>16</v>
      </c>
    </row>
    <row r="2" spans="1:35" x14ac:dyDescent="0.25">
      <c r="A2" s="5">
        <v>1</v>
      </c>
      <c r="B2" s="17">
        <f>+IF(OR(AND(B3=1,T3="^"),AND(C2=1,U2="&lt;")),1,0)</f>
        <v>1</v>
      </c>
      <c r="C2" s="17">
        <f t="shared" ref="C2:C16" si="2">+IF(OR(AND(C3=1,U3="^"),AND(D2=1,V2="&lt;")),1,0)</f>
        <v>0</v>
      </c>
      <c r="D2" s="17">
        <f t="shared" ref="D2:D16" si="3">+IF(OR(AND(D3=1,V3="^"),AND(E2=1,W2="&lt;")),1,0)</f>
        <v>0</v>
      </c>
      <c r="E2" s="17">
        <f t="shared" ref="E2:E16" si="4">+IF(OR(AND(E3=1,W3="^"),AND(F2=1,X2="&lt;")),1,0)</f>
        <v>0</v>
      </c>
      <c r="F2" s="17">
        <f t="shared" ref="F2:F16" si="5">+IF(OR(AND(F3=1,X3="^"),AND(G2=1,Y2="&lt;")),1,0)</f>
        <v>0</v>
      </c>
      <c r="G2" s="17">
        <f t="shared" ref="G2:G16" si="6">+IF(OR(AND(G3=1,Y3="^"),AND(H2=1,Z2="&lt;")),1,0)</f>
        <v>0</v>
      </c>
      <c r="H2" s="17">
        <f t="shared" ref="H2:H16" si="7">+IF(OR(AND(H3=1,Z3="^"),AND(I2=1,AA2="&lt;")),1,0)</f>
        <v>0</v>
      </c>
      <c r="I2" s="17">
        <f t="shared" ref="I2:I16" si="8">+IF(OR(AND(I3=1,AA3="^"),AND(J2=1,AB2="&lt;")),1,0)</f>
        <v>0</v>
      </c>
      <c r="J2" s="17">
        <f t="shared" ref="J2:J16" si="9">+IF(OR(AND(J3=1,AB3="^"),AND(K2=1,AC2="&lt;")),1,0)</f>
        <v>0</v>
      </c>
      <c r="K2" s="17">
        <f t="shared" ref="K2:K16" si="10">+IF(OR(AND(K3=1,AC3="^"),AND(L2=1,AD2="&lt;")),1,0)</f>
        <v>0</v>
      </c>
      <c r="L2" s="17">
        <f t="shared" ref="L2:L16" si="11">+IF(OR(AND(L3=1,AD3="^"),AND(M2=1,AE2="&lt;")),1,0)</f>
        <v>0</v>
      </c>
      <c r="M2" s="17">
        <f t="shared" ref="M2:M16" si="12">+IF(OR(AND(M3=1,AE3="^"),AND(N2=1,AF2="&lt;")),1,0)</f>
        <v>0</v>
      </c>
      <c r="N2" s="17">
        <f t="shared" ref="N2:N16" si="13">+IF(OR(AND(N3=1,AF3="^"),AND(O2=1,AG2="&lt;")),1,0)</f>
        <v>0</v>
      </c>
      <c r="O2" s="17">
        <f t="shared" ref="O2:O16" si="14">+IF(OR(AND(O3=1,AG3="^"),AND(P2=1,AH2="&lt;")),1,0)</f>
        <v>0</v>
      </c>
      <c r="P2" s="17">
        <f t="shared" ref="P2:P16" si="15">+IF(OR(AND(P3=1,AH3="^"),AND(Q2=1,AI2="&lt;")),1,0)</f>
        <v>0</v>
      </c>
      <c r="Q2" s="17">
        <f t="shared" ref="Q2:Q16" si="16">+IF(OR(AND(Q3=1,AI3="^"),AND(AJ20=1,AJ2="&lt;")),1,0)</f>
        <v>0</v>
      </c>
      <c r="S2" s="5">
        <v>1</v>
      </c>
      <c r="T2" s="8" t="s">
        <v>1</v>
      </c>
      <c r="U2" s="9" t="s">
        <v>0</v>
      </c>
      <c r="V2" s="9" t="s">
        <v>0</v>
      </c>
      <c r="W2" s="9" t="s">
        <v>0</v>
      </c>
      <c r="X2" s="9" t="s">
        <v>0</v>
      </c>
      <c r="Y2" s="9" t="s">
        <v>0</v>
      </c>
      <c r="Z2" s="9" t="s">
        <v>0</v>
      </c>
      <c r="AA2" s="9" t="s">
        <v>0</v>
      </c>
      <c r="AB2" s="9" t="s">
        <v>0</v>
      </c>
      <c r="AC2" s="9" t="s">
        <v>0</v>
      </c>
      <c r="AD2" s="9" t="s">
        <v>0</v>
      </c>
      <c r="AE2" s="9" t="s">
        <v>0</v>
      </c>
      <c r="AF2" s="9" t="s">
        <v>0</v>
      </c>
      <c r="AG2" s="9" t="s">
        <v>0</v>
      </c>
      <c r="AH2" s="9" t="s">
        <v>0</v>
      </c>
      <c r="AI2" s="9" t="s">
        <v>0</v>
      </c>
    </row>
    <row r="3" spans="1:35" x14ac:dyDescent="0.25">
      <c r="A3" s="5">
        <f>+A2+1</f>
        <v>2</v>
      </c>
      <c r="B3" s="17">
        <f t="shared" ref="B3:B16" si="17">+IF(OR(AND(B4=1,T4="^"),AND(C3=1,U3="&lt;")),1,0)</f>
        <v>1</v>
      </c>
      <c r="C3" s="17">
        <f t="shared" si="2"/>
        <v>0</v>
      </c>
      <c r="D3" s="17">
        <f t="shared" si="3"/>
        <v>0</v>
      </c>
      <c r="E3" s="17">
        <f t="shared" si="4"/>
        <v>0</v>
      </c>
      <c r="F3" s="17">
        <f t="shared" si="5"/>
        <v>0</v>
      </c>
      <c r="G3" s="17">
        <f t="shared" si="6"/>
        <v>0</v>
      </c>
      <c r="H3" s="17">
        <f t="shared" si="7"/>
        <v>0</v>
      </c>
      <c r="I3" s="17">
        <f t="shared" si="8"/>
        <v>0</v>
      </c>
      <c r="J3" s="17">
        <f t="shared" si="9"/>
        <v>0</v>
      </c>
      <c r="K3" s="17">
        <f t="shared" si="10"/>
        <v>0</v>
      </c>
      <c r="L3" s="17">
        <f t="shared" si="11"/>
        <v>0</v>
      </c>
      <c r="M3" s="17">
        <f t="shared" si="12"/>
        <v>0</v>
      </c>
      <c r="N3" s="17">
        <f t="shared" si="13"/>
        <v>0</v>
      </c>
      <c r="O3" s="17">
        <f t="shared" si="14"/>
        <v>0</v>
      </c>
      <c r="P3" s="17">
        <f t="shared" si="15"/>
        <v>0</v>
      </c>
      <c r="Q3" s="17">
        <f t="shared" si="16"/>
        <v>0</v>
      </c>
      <c r="S3" s="5">
        <f>+S2+1</f>
        <v>2</v>
      </c>
      <c r="T3" s="10" t="s">
        <v>2</v>
      </c>
      <c r="U3" s="11" t="str">
        <f>+IF(C20&gt;B21,"^","&lt;")</f>
        <v>&lt;</v>
      </c>
      <c r="V3" s="11" t="str">
        <f t="shared" ref="V3:V17" si="18">+IF(D20&gt;C21,"^","&lt;")</f>
        <v>&lt;</v>
      </c>
      <c r="W3" s="11" t="str">
        <f t="shared" ref="W3:W17" si="19">+IF(E20&gt;D21,"^","&lt;")</f>
        <v>&lt;</v>
      </c>
      <c r="X3" s="11" t="str">
        <f t="shared" ref="X3:X17" si="20">+IF(F20&gt;E21,"^","&lt;")</f>
        <v>&lt;</v>
      </c>
      <c r="Y3" s="11" t="str">
        <f t="shared" ref="Y3:Y17" si="21">+IF(G20&gt;F21,"^","&lt;")</f>
        <v>&lt;</v>
      </c>
      <c r="Z3" s="11" t="str">
        <f t="shared" ref="Z3:Z17" si="22">+IF(H20&gt;G21,"^","&lt;")</f>
        <v>&lt;</v>
      </c>
      <c r="AA3" s="11" t="str">
        <f t="shared" ref="AA3:AA17" si="23">+IF(I20&gt;H21,"^","&lt;")</f>
        <v>&lt;</v>
      </c>
      <c r="AB3" s="11" t="str">
        <f t="shared" ref="AB3:AB17" si="24">+IF(J20&gt;I21,"^","&lt;")</f>
        <v>&lt;</v>
      </c>
      <c r="AC3" s="11" t="str">
        <f t="shared" ref="AC3:AC17" si="25">+IF(K20&gt;J21,"^","&lt;")</f>
        <v>&lt;</v>
      </c>
      <c r="AD3" s="11" t="str">
        <f t="shared" ref="AD3:AD17" si="26">+IF(L20&gt;K21,"^","&lt;")</f>
        <v>&lt;</v>
      </c>
      <c r="AE3" s="11" t="str">
        <f t="shared" ref="AE3:AE17" si="27">+IF(M20&gt;L21,"^","&lt;")</f>
        <v>&lt;</v>
      </c>
      <c r="AF3" s="11" t="str">
        <f t="shared" ref="AF3:AF17" si="28">+IF(N20&gt;M21,"^","&lt;")</f>
        <v>&lt;</v>
      </c>
      <c r="AG3" s="11" t="str">
        <f t="shared" ref="AG3:AG17" si="29">+IF(O20&gt;N21,"^","&lt;")</f>
        <v>^</v>
      </c>
      <c r="AH3" s="11" t="str">
        <f t="shared" ref="AH3:AH17" si="30">+IF(P20&gt;O21,"^","&lt;")</f>
        <v>^</v>
      </c>
      <c r="AI3" s="11" t="str">
        <f t="shared" ref="AI3:AI17" si="31">+IF(Q20&gt;P21,"^","&lt;")</f>
        <v>&lt;</v>
      </c>
    </row>
    <row r="4" spans="1:35" x14ac:dyDescent="0.25">
      <c r="A4" s="5">
        <f t="shared" ref="A4:A17" si="32">+A3+1</f>
        <v>3</v>
      </c>
      <c r="B4" s="17">
        <f t="shared" si="17"/>
        <v>1</v>
      </c>
      <c r="C4" s="17">
        <f t="shared" si="2"/>
        <v>0</v>
      </c>
      <c r="D4" s="17">
        <f t="shared" si="3"/>
        <v>0</v>
      </c>
      <c r="E4" s="17">
        <f t="shared" si="4"/>
        <v>0</v>
      </c>
      <c r="F4" s="17">
        <f t="shared" si="5"/>
        <v>0</v>
      </c>
      <c r="G4" s="17">
        <f t="shared" si="6"/>
        <v>0</v>
      </c>
      <c r="H4" s="17">
        <f t="shared" si="7"/>
        <v>0</v>
      </c>
      <c r="I4" s="17">
        <f t="shared" si="8"/>
        <v>0</v>
      </c>
      <c r="J4" s="17">
        <f t="shared" si="9"/>
        <v>0</v>
      </c>
      <c r="K4" s="17">
        <f t="shared" si="10"/>
        <v>0</v>
      </c>
      <c r="L4" s="17">
        <f t="shared" si="11"/>
        <v>0</v>
      </c>
      <c r="M4" s="17">
        <f t="shared" si="12"/>
        <v>0</v>
      </c>
      <c r="N4" s="17">
        <f t="shared" si="13"/>
        <v>0</v>
      </c>
      <c r="O4" s="17">
        <f t="shared" si="14"/>
        <v>0</v>
      </c>
      <c r="P4" s="17">
        <f t="shared" si="15"/>
        <v>0</v>
      </c>
      <c r="Q4" s="17">
        <f t="shared" si="16"/>
        <v>0</v>
      </c>
      <c r="S4" s="5">
        <f t="shared" ref="S4:S17" si="33">+S3+1</f>
        <v>3</v>
      </c>
      <c r="T4" s="10" t="s">
        <v>2</v>
      </c>
      <c r="U4" s="11" t="str">
        <f t="shared" ref="U4:U17" si="34">+IF(C21&gt;B22,"^","&lt;")</f>
        <v>&lt;</v>
      </c>
      <c r="V4" s="11" t="str">
        <f t="shared" si="18"/>
        <v>&lt;</v>
      </c>
      <c r="W4" s="11" t="str">
        <f t="shared" si="19"/>
        <v>&lt;</v>
      </c>
      <c r="X4" s="11" t="str">
        <f t="shared" si="20"/>
        <v>&lt;</v>
      </c>
      <c r="Y4" s="11" t="str">
        <f t="shared" si="21"/>
        <v>&lt;</v>
      </c>
      <c r="Z4" s="11" t="str">
        <f t="shared" si="22"/>
        <v>&lt;</v>
      </c>
      <c r="AA4" s="11" t="str">
        <f t="shared" si="23"/>
        <v>&lt;</v>
      </c>
      <c r="AB4" s="11" t="str">
        <f t="shared" si="24"/>
        <v>&lt;</v>
      </c>
      <c r="AC4" s="11" t="str">
        <f t="shared" si="25"/>
        <v>&lt;</v>
      </c>
      <c r="AD4" s="11" t="str">
        <f t="shared" si="26"/>
        <v>&lt;</v>
      </c>
      <c r="AE4" s="11" t="str">
        <f t="shared" si="27"/>
        <v>&lt;</v>
      </c>
      <c r="AF4" s="11" t="str">
        <f t="shared" si="28"/>
        <v>&lt;</v>
      </c>
      <c r="AG4" s="11" t="str">
        <f t="shared" si="29"/>
        <v>&lt;</v>
      </c>
      <c r="AH4" s="11" t="str">
        <f t="shared" si="30"/>
        <v>&lt;</v>
      </c>
      <c r="AI4" s="11" t="str">
        <f t="shared" si="31"/>
        <v>&lt;</v>
      </c>
    </row>
    <row r="5" spans="1:35" x14ac:dyDescent="0.25">
      <c r="A5" s="5">
        <f t="shared" si="32"/>
        <v>4</v>
      </c>
      <c r="B5" s="17">
        <f t="shared" si="17"/>
        <v>1</v>
      </c>
      <c r="C5" s="17">
        <f t="shared" si="2"/>
        <v>1</v>
      </c>
      <c r="D5" s="17">
        <f t="shared" si="3"/>
        <v>1</v>
      </c>
      <c r="E5" s="17">
        <f t="shared" si="4"/>
        <v>0</v>
      </c>
      <c r="F5" s="17">
        <f t="shared" si="5"/>
        <v>0</v>
      </c>
      <c r="G5" s="17">
        <f t="shared" si="6"/>
        <v>0</v>
      </c>
      <c r="H5" s="17">
        <f t="shared" si="7"/>
        <v>0</v>
      </c>
      <c r="I5" s="17">
        <f t="shared" si="8"/>
        <v>0</v>
      </c>
      <c r="J5" s="17">
        <f t="shared" si="9"/>
        <v>0</v>
      </c>
      <c r="K5" s="17">
        <f t="shared" si="10"/>
        <v>0</v>
      </c>
      <c r="L5" s="17">
        <f t="shared" si="11"/>
        <v>0</v>
      </c>
      <c r="M5" s="17">
        <f t="shared" si="12"/>
        <v>0</v>
      </c>
      <c r="N5" s="17">
        <f t="shared" si="13"/>
        <v>0</v>
      </c>
      <c r="O5" s="17">
        <f t="shared" si="14"/>
        <v>0</v>
      </c>
      <c r="P5" s="17">
        <f t="shared" si="15"/>
        <v>0</v>
      </c>
      <c r="Q5" s="17">
        <f t="shared" si="16"/>
        <v>0</v>
      </c>
      <c r="S5" s="5">
        <f t="shared" si="33"/>
        <v>4</v>
      </c>
      <c r="T5" s="10" t="s">
        <v>2</v>
      </c>
      <c r="U5" s="11" t="str">
        <f t="shared" si="34"/>
        <v>&lt;</v>
      </c>
      <c r="V5" s="11" t="str">
        <f t="shared" si="18"/>
        <v>&lt;</v>
      </c>
      <c r="W5" s="11" t="str">
        <f t="shared" si="19"/>
        <v>&lt;</v>
      </c>
      <c r="X5" s="11" t="str">
        <f t="shared" si="20"/>
        <v>&lt;</v>
      </c>
      <c r="Y5" s="11" t="str">
        <f t="shared" si="21"/>
        <v>&lt;</v>
      </c>
      <c r="Z5" s="11" t="str">
        <f t="shared" si="22"/>
        <v>&lt;</v>
      </c>
      <c r="AA5" s="11" t="str">
        <f t="shared" si="23"/>
        <v>&lt;</v>
      </c>
      <c r="AB5" s="11" t="str">
        <f t="shared" si="24"/>
        <v>&lt;</v>
      </c>
      <c r="AC5" s="11" t="str">
        <f t="shared" si="25"/>
        <v>&lt;</v>
      </c>
      <c r="AD5" s="11" t="str">
        <f t="shared" si="26"/>
        <v>&lt;</v>
      </c>
      <c r="AE5" s="11" t="str">
        <f t="shared" si="27"/>
        <v>&lt;</v>
      </c>
      <c r="AF5" s="11" t="str">
        <f t="shared" si="28"/>
        <v>&lt;</v>
      </c>
      <c r="AG5" s="11" t="str">
        <f t="shared" si="29"/>
        <v>&lt;</v>
      </c>
      <c r="AH5" s="11" t="str">
        <f t="shared" si="30"/>
        <v>^</v>
      </c>
      <c r="AI5" s="11" t="str">
        <f t="shared" si="31"/>
        <v>^</v>
      </c>
    </row>
    <row r="6" spans="1:35" x14ac:dyDescent="0.25">
      <c r="A6" s="5">
        <f t="shared" si="32"/>
        <v>5</v>
      </c>
      <c r="B6" s="17">
        <f t="shared" si="17"/>
        <v>0</v>
      </c>
      <c r="C6" s="17">
        <f t="shared" si="2"/>
        <v>0</v>
      </c>
      <c r="D6" s="17">
        <f t="shared" si="3"/>
        <v>1</v>
      </c>
      <c r="E6" s="17">
        <f t="shared" si="4"/>
        <v>0</v>
      </c>
      <c r="F6" s="17">
        <f t="shared" si="5"/>
        <v>0</v>
      </c>
      <c r="G6" s="17">
        <f t="shared" si="6"/>
        <v>0</v>
      </c>
      <c r="H6" s="17">
        <f t="shared" si="7"/>
        <v>0</v>
      </c>
      <c r="I6" s="17">
        <f t="shared" si="8"/>
        <v>0</v>
      </c>
      <c r="J6" s="17">
        <f t="shared" si="9"/>
        <v>0</v>
      </c>
      <c r="K6" s="17">
        <f t="shared" si="10"/>
        <v>0</v>
      </c>
      <c r="L6" s="17">
        <f t="shared" si="11"/>
        <v>0</v>
      </c>
      <c r="M6" s="17">
        <f t="shared" si="12"/>
        <v>0</v>
      </c>
      <c r="N6" s="17">
        <f t="shared" si="13"/>
        <v>0</v>
      </c>
      <c r="O6" s="17">
        <f t="shared" si="14"/>
        <v>0</v>
      </c>
      <c r="P6" s="17">
        <f t="shared" si="15"/>
        <v>0</v>
      </c>
      <c r="Q6" s="17">
        <f t="shared" si="16"/>
        <v>0</v>
      </c>
      <c r="S6" s="5">
        <f t="shared" si="33"/>
        <v>5</v>
      </c>
      <c r="T6" s="10" t="s">
        <v>2</v>
      </c>
      <c r="U6" s="11" t="str">
        <f t="shared" si="34"/>
        <v>&lt;</v>
      </c>
      <c r="V6" s="11" t="str">
        <f t="shared" si="18"/>
        <v>^</v>
      </c>
      <c r="W6" s="11" t="str">
        <f t="shared" si="19"/>
        <v>&lt;</v>
      </c>
      <c r="X6" s="11" t="str">
        <f t="shared" si="20"/>
        <v>&lt;</v>
      </c>
      <c r="Y6" s="11" t="str">
        <f t="shared" si="21"/>
        <v>&lt;</v>
      </c>
      <c r="Z6" s="11" t="str">
        <f t="shared" si="22"/>
        <v>&lt;</v>
      </c>
      <c r="AA6" s="11" t="str">
        <f t="shared" si="23"/>
        <v>&lt;</v>
      </c>
      <c r="AB6" s="11" t="str">
        <f t="shared" si="24"/>
        <v>&lt;</v>
      </c>
      <c r="AC6" s="11" t="str">
        <f t="shared" si="25"/>
        <v>&lt;</v>
      </c>
      <c r="AD6" s="11" t="str">
        <f t="shared" si="26"/>
        <v>&lt;</v>
      </c>
      <c r="AE6" s="11" t="str">
        <f t="shared" si="27"/>
        <v>&lt;</v>
      </c>
      <c r="AF6" s="11" t="str">
        <f t="shared" si="28"/>
        <v>&lt;</v>
      </c>
      <c r="AG6" s="11" t="str">
        <f t="shared" si="29"/>
        <v>&lt;</v>
      </c>
      <c r="AH6" s="11" t="str">
        <f t="shared" si="30"/>
        <v>^</v>
      </c>
      <c r="AI6" s="11" t="str">
        <f t="shared" si="31"/>
        <v>^</v>
      </c>
    </row>
    <row r="7" spans="1:35" x14ac:dyDescent="0.25">
      <c r="A7" s="5">
        <f t="shared" si="32"/>
        <v>6</v>
      </c>
      <c r="B7" s="17">
        <f t="shared" si="17"/>
        <v>0</v>
      </c>
      <c r="C7" s="17">
        <f t="shared" si="2"/>
        <v>0</v>
      </c>
      <c r="D7" s="17">
        <f t="shared" si="3"/>
        <v>1</v>
      </c>
      <c r="E7" s="17">
        <f t="shared" si="4"/>
        <v>0</v>
      </c>
      <c r="F7" s="17">
        <f t="shared" si="5"/>
        <v>0</v>
      </c>
      <c r="G7" s="17">
        <f t="shared" si="6"/>
        <v>0</v>
      </c>
      <c r="H7" s="17">
        <f t="shared" si="7"/>
        <v>0</v>
      </c>
      <c r="I7" s="17">
        <f t="shared" si="8"/>
        <v>0</v>
      </c>
      <c r="J7" s="17">
        <f t="shared" si="9"/>
        <v>0</v>
      </c>
      <c r="K7" s="17">
        <f t="shared" si="10"/>
        <v>0</v>
      </c>
      <c r="L7" s="17">
        <f t="shared" si="11"/>
        <v>0</v>
      </c>
      <c r="M7" s="17">
        <f t="shared" si="12"/>
        <v>0</v>
      </c>
      <c r="N7" s="17">
        <f t="shared" si="13"/>
        <v>0</v>
      </c>
      <c r="O7" s="17">
        <f t="shared" si="14"/>
        <v>0</v>
      </c>
      <c r="P7" s="17">
        <f t="shared" si="15"/>
        <v>0</v>
      </c>
      <c r="Q7" s="17">
        <f t="shared" si="16"/>
        <v>0</v>
      </c>
      <c r="S7" s="5">
        <f t="shared" si="33"/>
        <v>6</v>
      </c>
      <c r="T7" s="10" t="s">
        <v>2</v>
      </c>
      <c r="U7" s="11" t="str">
        <f t="shared" si="34"/>
        <v>&lt;</v>
      </c>
      <c r="V7" s="11" t="str">
        <f t="shared" si="18"/>
        <v>^</v>
      </c>
      <c r="W7" s="11" t="str">
        <f t="shared" si="19"/>
        <v>&lt;</v>
      </c>
      <c r="X7" s="11" t="str">
        <f t="shared" si="20"/>
        <v>&lt;</v>
      </c>
      <c r="Y7" s="11" t="str">
        <f t="shared" si="21"/>
        <v>&lt;</v>
      </c>
      <c r="Z7" s="11" t="str">
        <f t="shared" si="22"/>
        <v>&lt;</v>
      </c>
      <c r="AA7" s="11" t="str">
        <f t="shared" si="23"/>
        <v>&lt;</v>
      </c>
      <c r="AB7" s="11" t="str">
        <f t="shared" si="24"/>
        <v>&lt;</v>
      </c>
      <c r="AC7" s="11" t="str">
        <f t="shared" si="25"/>
        <v>&lt;</v>
      </c>
      <c r="AD7" s="11" t="str">
        <f t="shared" si="26"/>
        <v>&lt;</v>
      </c>
      <c r="AE7" s="11" t="str">
        <f t="shared" si="27"/>
        <v>&lt;</v>
      </c>
      <c r="AF7" s="11" t="str">
        <f t="shared" si="28"/>
        <v>&lt;</v>
      </c>
      <c r="AG7" s="11" t="str">
        <f t="shared" si="29"/>
        <v>&lt;</v>
      </c>
      <c r="AH7" s="11" t="str">
        <f t="shared" si="30"/>
        <v>^</v>
      </c>
      <c r="AI7" s="11" t="str">
        <f t="shared" si="31"/>
        <v>^</v>
      </c>
    </row>
    <row r="8" spans="1:35" x14ac:dyDescent="0.25">
      <c r="A8" s="5">
        <f t="shared" si="32"/>
        <v>7</v>
      </c>
      <c r="B8" s="17">
        <f t="shared" si="17"/>
        <v>0</v>
      </c>
      <c r="C8" s="17">
        <f t="shared" si="2"/>
        <v>0</v>
      </c>
      <c r="D8" s="17">
        <f t="shared" si="3"/>
        <v>1</v>
      </c>
      <c r="E8" s="17">
        <f t="shared" si="4"/>
        <v>1</v>
      </c>
      <c r="F8" s="17">
        <f t="shared" si="5"/>
        <v>0</v>
      </c>
      <c r="G8" s="17">
        <f t="shared" si="6"/>
        <v>0</v>
      </c>
      <c r="H8" s="17">
        <f t="shared" si="7"/>
        <v>0</v>
      </c>
      <c r="I8" s="17">
        <f t="shared" si="8"/>
        <v>0</v>
      </c>
      <c r="J8" s="17">
        <f t="shared" si="9"/>
        <v>0</v>
      </c>
      <c r="K8" s="17">
        <f t="shared" si="10"/>
        <v>0</v>
      </c>
      <c r="L8" s="17">
        <f t="shared" si="11"/>
        <v>0</v>
      </c>
      <c r="M8" s="17">
        <f t="shared" si="12"/>
        <v>0</v>
      </c>
      <c r="N8" s="17">
        <f t="shared" si="13"/>
        <v>0</v>
      </c>
      <c r="O8" s="17">
        <f t="shared" si="14"/>
        <v>0</v>
      </c>
      <c r="P8" s="17">
        <f t="shared" si="15"/>
        <v>0</v>
      </c>
      <c r="Q8" s="17">
        <f t="shared" si="16"/>
        <v>0</v>
      </c>
      <c r="S8" s="5">
        <f t="shared" si="33"/>
        <v>7</v>
      </c>
      <c r="T8" s="10" t="s">
        <v>2</v>
      </c>
      <c r="U8" s="11" t="str">
        <f t="shared" si="34"/>
        <v>&lt;</v>
      </c>
      <c r="V8" s="11" t="str">
        <f t="shared" si="18"/>
        <v>^</v>
      </c>
      <c r="W8" s="11" t="str">
        <f t="shared" si="19"/>
        <v>&lt;</v>
      </c>
      <c r="X8" s="11" t="str">
        <f t="shared" si="20"/>
        <v>&lt;</v>
      </c>
      <c r="Y8" s="11" t="str">
        <f t="shared" si="21"/>
        <v>&lt;</v>
      </c>
      <c r="Z8" s="11" t="str">
        <f t="shared" si="22"/>
        <v>&lt;</v>
      </c>
      <c r="AA8" s="11" t="str">
        <f t="shared" si="23"/>
        <v>&lt;</v>
      </c>
      <c r="AB8" s="11" t="str">
        <f t="shared" si="24"/>
        <v>&lt;</v>
      </c>
      <c r="AC8" s="11" t="str">
        <f t="shared" si="25"/>
        <v>&lt;</v>
      </c>
      <c r="AD8" s="11" t="str">
        <f t="shared" si="26"/>
        <v>&lt;</v>
      </c>
      <c r="AE8" s="11" t="str">
        <f t="shared" si="27"/>
        <v>&lt;</v>
      </c>
      <c r="AF8" s="11" t="str">
        <f t="shared" si="28"/>
        <v>&lt;</v>
      </c>
      <c r="AG8" s="11" t="str">
        <f t="shared" si="29"/>
        <v>&lt;</v>
      </c>
      <c r="AH8" s="11" t="str">
        <f t="shared" si="30"/>
        <v>^</v>
      </c>
      <c r="AI8" s="11" t="str">
        <f t="shared" si="31"/>
        <v>^</v>
      </c>
    </row>
    <row r="9" spans="1:35" x14ac:dyDescent="0.25">
      <c r="A9" s="5">
        <f t="shared" si="32"/>
        <v>8</v>
      </c>
      <c r="B9" s="17">
        <f t="shared" si="17"/>
        <v>0</v>
      </c>
      <c r="C9" s="17">
        <f t="shared" si="2"/>
        <v>0</v>
      </c>
      <c r="D9" s="17">
        <f t="shared" si="3"/>
        <v>0</v>
      </c>
      <c r="E9" s="17">
        <f t="shared" si="4"/>
        <v>1</v>
      </c>
      <c r="F9" s="17">
        <f t="shared" si="5"/>
        <v>1</v>
      </c>
      <c r="G9" s="17">
        <f t="shared" si="6"/>
        <v>1</v>
      </c>
      <c r="H9" s="17">
        <f t="shared" si="7"/>
        <v>1</v>
      </c>
      <c r="I9" s="17">
        <f t="shared" si="8"/>
        <v>0</v>
      </c>
      <c r="J9" s="17">
        <f t="shared" si="9"/>
        <v>0</v>
      </c>
      <c r="K9" s="17">
        <f t="shared" si="10"/>
        <v>0</v>
      </c>
      <c r="L9" s="17">
        <f t="shared" si="11"/>
        <v>0</v>
      </c>
      <c r="M9" s="17">
        <f t="shared" si="12"/>
        <v>0</v>
      </c>
      <c r="N9" s="17">
        <f t="shared" si="13"/>
        <v>0</v>
      </c>
      <c r="O9" s="17">
        <f t="shared" si="14"/>
        <v>0</v>
      </c>
      <c r="P9" s="17">
        <f t="shared" si="15"/>
        <v>0</v>
      </c>
      <c r="Q9" s="17">
        <f t="shared" si="16"/>
        <v>0</v>
      </c>
      <c r="S9" s="5">
        <f t="shared" si="33"/>
        <v>8</v>
      </c>
      <c r="T9" s="10" t="s">
        <v>2</v>
      </c>
      <c r="U9" s="11" t="str">
        <f t="shared" si="34"/>
        <v>&lt;</v>
      </c>
      <c r="V9" s="11" t="str">
        <f t="shared" si="18"/>
        <v>^</v>
      </c>
      <c r="W9" s="11" t="str">
        <f t="shared" si="19"/>
        <v>^</v>
      </c>
      <c r="X9" s="11" t="str">
        <f t="shared" si="20"/>
        <v>&lt;</v>
      </c>
      <c r="Y9" s="11" t="str">
        <f t="shared" si="21"/>
        <v>&lt;</v>
      </c>
      <c r="Z9" s="11" t="str">
        <f t="shared" si="22"/>
        <v>&lt;</v>
      </c>
      <c r="AA9" s="11" t="str">
        <f t="shared" si="23"/>
        <v>&lt;</v>
      </c>
      <c r="AB9" s="11" t="str">
        <f t="shared" si="24"/>
        <v>&lt;</v>
      </c>
      <c r="AC9" s="11" t="str">
        <f t="shared" si="25"/>
        <v>&lt;</v>
      </c>
      <c r="AD9" s="11" t="str">
        <f t="shared" si="26"/>
        <v>&lt;</v>
      </c>
      <c r="AE9" s="11" t="str">
        <f t="shared" si="27"/>
        <v>&lt;</v>
      </c>
      <c r="AF9" s="11" t="str">
        <f t="shared" si="28"/>
        <v>&lt;</v>
      </c>
      <c r="AG9" s="11" t="str">
        <f t="shared" si="29"/>
        <v>&lt;</v>
      </c>
      <c r="AH9" s="11" t="str">
        <f t="shared" si="30"/>
        <v>^</v>
      </c>
      <c r="AI9" s="11" t="str">
        <f t="shared" si="31"/>
        <v>^</v>
      </c>
    </row>
    <row r="10" spans="1:35" x14ac:dyDescent="0.25">
      <c r="A10" s="5">
        <f t="shared" si="32"/>
        <v>9</v>
      </c>
      <c r="B10" s="17">
        <f t="shared" si="17"/>
        <v>0</v>
      </c>
      <c r="C10" s="17">
        <f t="shared" si="2"/>
        <v>0</v>
      </c>
      <c r="D10" s="17">
        <f t="shared" si="3"/>
        <v>0</v>
      </c>
      <c r="E10" s="17">
        <f t="shared" si="4"/>
        <v>0</v>
      </c>
      <c r="F10" s="17">
        <f t="shared" si="5"/>
        <v>0</v>
      </c>
      <c r="G10" s="17">
        <f t="shared" si="6"/>
        <v>0</v>
      </c>
      <c r="H10" s="17">
        <f t="shared" si="7"/>
        <v>1</v>
      </c>
      <c r="I10" s="17">
        <f t="shared" si="8"/>
        <v>1</v>
      </c>
      <c r="J10" s="17">
        <f t="shared" si="9"/>
        <v>1</v>
      </c>
      <c r="K10" s="17">
        <f t="shared" si="10"/>
        <v>1</v>
      </c>
      <c r="L10" s="17">
        <f t="shared" si="11"/>
        <v>0</v>
      </c>
      <c r="M10" s="17">
        <f t="shared" si="12"/>
        <v>0</v>
      </c>
      <c r="N10" s="17">
        <f t="shared" si="13"/>
        <v>0</v>
      </c>
      <c r="O10" s="17">
        <f t="shared" si="14"/>
        <v>0</v>
      </c>
      <c r="P10" s="17">
        <f t="shared" si="15"/>
        <v>0</v>
      </c>
      <c r="Q10" s="17">
        <f t="shared" si="16"/>
        <v>0</v>
      </c>
      <c r="S10" s="5">
        <f t="shared" si="33"/>
        <v>9</v>
      </c>
      <c r="T10" s="10" t="s">
        <v>2</v>
      </c>
      <c r="U10" s="11" t="str">
        <f t="shared" si="34"/>
        <v>&lt;</v>
      </c>
      <c r="V10" s="11" t="str">
        <f t="shared" si="18"/>
        <v>^</v>
      </c>
      <c r="W10" s="11" t="str">
        <f t="shared" si="19"/>
        <v>^</v>
      </c>
      <c r="X10" s="11" t="str">
        <f t="shared" si="20"/>
        <v>&lt;</v>
      </c>
      <c r="Y10" s="11" t="str">
        <f t="shared" si="21"/>
        <v>&lt;</v>
      </c>
      <c r="Z10" s="11" t="str">
        <f t="shared" si="22"/>
        <v>^</v>
      </c>
      <c r="AA10" s="11" t="str">
        <f t="shared" si="23"/>
        <v>&lt;</v>
      </c>
      <c r="AB10" s="11" t="str">
        <f t="shared" si="24"/>
        <v>&lt;</v>
      </c>
      <c r="AC10" s="11" t="str">
        <f t="shared" si="25"/>
        <v>&lt;</v>
      </c>
      <c r="AD10" s="11" t="str">
        <f t="shared" si="26"/>
        <v>&lt;</v>
      </c>
      <c r="AE10" s="11" t="str">
        <f t="shared" si="27"/>
        <v>&lt;</v>
      </c>
      <c r="AF10" s="11" t="str">
        <f t="shared" si="28"/>
        <v>&lt;</v>
      </c>
      <c r="AG10" s="11" t="str">
        <f t="shared" si="29"/>
        <v>&lt;</v>
      </c>
      <c r="AH10" s="11" t="str">
        <f t="shared" si="30"/>
        <v>&lt;</v>
      </c>
      <c r="AI10" s="11" t="str">
        <f t="shared" si="31"/>
        <v>&lt;</v>
      </c>
    </row>
    <row r="11" spans="1:35" x14ac:dyDescent="0.25">
      <c r="A11" s="5">
        <f t="shared" si="32"/>
        <v>10</v>
      </c>
      <c r="B11" s="17">
        <f t="shared" si="17"/>
        <v>0</v>
      </c>
      <c r="C11" s="17">
        <f t="shared" si="2"/>
        <v>0</v>
      </c>
      <c r="D11" s="17">
        <f t="shared" si="3"/>
        <v>0</v>
      </c>
      <c r="E11" s="17">
        <f t="shared" si="4"/>
        <v>0</v>
      </c>
      <c r="F11" s="17">
        <f t="shared" si="5"/>
        <v>0</v>
      </c>
      <c r="G11" s="17">
        <f t="shared" si="6"/>
        <v>0</v>
      </c>
      <c r="H11" s="17">
        <f t="shared" si="7"/>
        <v>0</v>
      </c>
      <c r="I11" s="17">
        <f t="shared" si="8"/>
        <v>0</v>
      </c>
      <c r="J11" s="17">
        <f t="shared" si="9"/>
        <v>0</v>
      </c>
      <c r="K11" s="17">
        <f t="shared" si="10"/>
        <v>1</v>
      </c>
      <c r="L11" s="17">
        <f t="shared" si="11"/>
        <v>0</v>
      </c>
      <c r="M11" s="17">
        <f t="shared" si="12"/>
        <v>0</v>
      </c>
      <c r="N11" s="17">
        <f t="shared" si="13"/>
        <v>0</v>
      </c>
      <c r="O11" s="17">
        <f t="shared" si="14"/>
        <v>0</v>
      </c>
      <c r="P11" s="17">
        <f t="shared" si="15"/>
        <v>0</v>
      </c>
      <c r="Q11" s="17">
        <f t="shared" si="16"/>
        <v>0</v>
      </c>
      <c r="S11" s="5">
        <f t="shared" si="33"/>
        <v>10</v>
      </c>
      <c r="T11" s="10" t="s">
        <v>2</v>
      </c>
      <c r="U11" s="11" t="str">
        <f t="shared" si="34"/>
        <v>&lt;</v>
      </c>
      <c r="V11" s="11" t="str">
        <f t="shared" si="18"/>
        <v>^</v>
      </c>
      <c r="W11" s="11" t="str">
        <f t="shared" si="19"/>
        <v>&lt;</v>
      </c>
      <c r="X11" s="11" t="str">
        <f t="shared" si="20"/>
        <v>&lt;</v>
      </c>
      <c r="Y11" s="11" t="str">
        <f t="shared" si="21"/>
        <v>&lt;</v>
      </c>
      <c r="Z11" s="11" t="str">
        <f t="shared" si="22"/>
        <v>^</v>
      </c>
      <c r="AA11" s="11" t="str">
        <f t="shared" si="23"/>
        <v>&lt;</v>
      </c>
      <c r="AB11" s="11" t="str">
        <f t="shared" si="24"/>
        <v>&lt;</v>
      </c>
      <c r="AC11" s="11" t="str">
        <f t="shared" si="25"/>
        <v>^</v>
      </c>
      <c r="AD11" s="11" t="str">
        <f t="shared" si="26"/>
        <v>&lt;</v>
      </c>
      <c r="AE11" s="11" t="str">
        <f t="shared" si="27"/>
        <v>&lt;</v>
      </c>
      <c r="AF11" s="11" t="str">
        <f t="shared" si="28"/>
        <v>&lt;</v>
      </c>
      <c r="AG11" s="11" t="str">
        <f t="shared" si="29"/>
        <v>&lt;</v>
      </c>
      <c r="AH11" s="11" t="str">
        <f t="shared" si="30"/>
        <v>^</v>
      </c>
      <c r="AI11" s="11" t="str">
        <f t="shared" si="31"/>
        <v>^</v>
      </c>
    </row>
    <row r="12" spans="1:35" x14ac:dyDescent="0.25">
      <c r="A12" s="5">
        <f t="shared" si="32"/>
        <v>11</v>
      </c>
      <c r="B12" s="17">
        <f t="shared" si="17"/>
        <v>0</v>
      </c>
      <c r="C12" s="17">
        <f t="shared" si="2"/>
        <v>0</v>
      </c>
      <c r="D12" s="17">
        <f t="shared" si="3"/>
        <v>0</v>
      </c>
      <c r="E12" s="17">
        <f t="shared" si="4"/>
        <v>0</v>
      </c>
      <c r="F12" s="17">
        <f t="shared" si="5"/>
        <v>0</v>
      </c>
      <c r="G12" s="17">
        <f t="shared" si="6"/>
        <v>0</v>
      </c>
      <c r="H12" s="17">
        <f t="shared" si="7"/>
        <v>0</v>
      </c>
      <c r="I12" s="17">
        <f t="shared" si="8"/>
        <v>0</v>
      </c>
      <c r="J12" s="17">
        <f t="shared" si="9"/>
        <v>0</v>
      </c>
      <c r="K12" s="17">
        <f t="shared" si="10"/>
        <v>1</v>
      </c>
      <c r="L12" s="17">
        <f t="shared" si="11"/>
        <v>1</v>
      </c>
      <c r="M12" s="17">
        <f t="shared" si="12"/>
        <v>1</v>
      </c>
      <c r="N12" s="17">
        <f t="shared" si="13"/>
        <v>0</v>
      </c>
      <c r="O12" s="17">
        <f t="shared" si="14"/>
        <v>0</v>
      </c>
      <c r="P12" s="17">
        <f t="shared" si="15"/>
        <v>0</v>
      </c>
      <c r="Q12" s="17">
        <f t="shared" si="16"/>
        <v>0</v>
      </c>
      <c r="S12" s="5">
        <f t="shared" si="33"/>
        <v>11</v>
      </c>
      <c r="T12" s="10" t="s">
        <v>2</v>
      </c>
      <c r="U12" s="11" t="str">
        <f t="shared" si="34"/>
        <v>&lt;</v>
      </c>
      <c r="V12" s="11" t="str">
        <f t="shared" si="18"/>
        <v>^</v>
      </c>
      <c r="W12" s="11" t="str">
        <f t="shared" si="19"/>
        <v>&lt;</v>
      </c>
      <c r="X12" s="11" t="str">
        <f t="shared" si="20"/>
        <v>&lt;</v>
      </c>
      <c r="Y12" s="11" t="str">
        <f t="shared" si="21"/>
        <v>&lt;</v>
      </c>
      <c r="Z12" s="11" t="str">
        <f t="shared" si="22"/>
        <v>^</v>
      </c>
      <c r="AA12" s="11" t="str">
        <f t="shared" si="23"/>
        <v>&lt;</v>
      </c>
      <c r="AB12" s="11" t="str">
        <f t="shared" si="24"/>
        <v>&lt;</v>
      </c>
      <c r="AC12" s="11" t="str">
        <f t="shared" si="25"/>
        <v>^</v>
      </c>
      <c r="AD12" s="11" t="str">
        <f t="shared" si="26"/>
        <v>&lt;</v>
      </c>
      <c r="AE12" s="11" t="str">
        <f t="shared" si="27"/>
        <v>&lt;</v>
      </c>
      <c r="AF12" s="11" t="str">
        <f t="shared" si="28"/>
        <v>&lt;</v>
      </c>
      <c r="AG12" s="11" t="str">
        <f t="shared" si="29"/>
        <v>&lt;</v>
      </c>
      <c r="AH12" s="11" t="str">
        <f t="shared" si="30"/>
        <v>&lt;</v>
      </c>
      <c r="AI12" s="11" t="str">
        <f t="shared" si="31"/>
        <v>&lt;</v>
      </c>
    </row>
    <row r="13" spans="1:35" x14ac:dyDescent="0.25">
      <c r="A13" s="5">
        <f t="shared" si="32"/>
        <v>12</v>
      </c>
      <c r="B13" s="17">
        <f t="shared" si="17"/>
        <v>0</v>
      </c>
      <c r="C13" s="17">
        <f t="shared" si="2"/>
        <v>0</v>
      </c>
      <c r="D13" s="17">
        <f t="shared" si="3"/>
        <v>0</v>
      </c>
      <c r="E13" s="17">
        <f t="shared" si="4"/>
        <v>0</v>
      </c>
      <c r="F13" s="17">
        <f t="shared" si="5"/>
        <v>0</v>
      </c>
      <c r="G13" s="17">
        <f t="shared" si="6"/>
        <v>0</v>
      </c>
      <c r="H13" s="17">
        <f t="shared" si="7"/>
        <v>0</v>
      </c>
      <c r="I13" s="17">
        <f t="shared" si="8"/>
        <v>0</v>
      </c>
      <c r="J13" s="17">
        <f t="shared" si="9"/>
        <v>0</v>
      </c>
      <c r="K13" s="17">
        <f t="shared" si="10"/>
        <v>0</v>
      </c>
      <c r="L13" s="17">
        <f t="shared" si="11"/>
        <v>0</v>
      </c>
      <c r="M13" s="17">
        <f t="shared" si="12"/>
        <v>1</v>
      </c>
      <c r="N13" s="17">
        <f t="shared" si="13"/>
        <v>0</v>
      </c>
      <c r="O13" s="17">
        <f t="shared" si="14"/>
        <v>0</v>
      </c>
      <c r="P13" s="17">
        <f t="shared" si="15"/>
        <v>0</v>
      </c>
      <c r="Q13" s="17">
        <f t="shared" si="16"/>
        <v>0</v>
      </c>
      <c r="S13" s="5">
        <f t="shared" si="33"/>
        <v>12</v>
      </c>
      <c r="T13" s="10" t="s">
        <v>2</v>
      </c>
      <c r="U13" s="11" t="str">
        <f t="shared" si="34"/>
        <v>&lt;</v>
      </c>
      <c r="V13" s="11" t="str">
        <f t="shared" si="18"/>
        <v>^</v>
      </c>
      <c r="W13" s="11" t="str">
        <f t="shared" si="19"/>
        <v>&lt;</v>
      </c>
      <c r="X13" s="11" t="str">
        <f t="shared" si="20"/>
        <v>&lt;</v>
      </c>
      <c r="Y13" s="11" t="str">
        <f t="shared" si="21"/>
        <v>&lt;</v>
      </c>
      <c r="Z13" s="11" t="str">
        <f t="shared" si="22"/>
        <v>^</v>
      </c>
      <c r="AA13" s="11" t="str">
        <f t="shared" si="23"/>
        <v>&lt;</v>
      </c>
      <c r="AB13" s="11" t="str">
        <f t="shared" si="24"/>
        <v>&lt;</v>
      </c>
      <c r="AC13" s="11" t="str">
        <f t="shared" si="25"/>
        <v>^</v>
      </c>
      <c r="AD13" s="11" t="str">
        <f t="shared" si="26"/>
        <v>&lt;</v>
      </c>
      <c r="AE13" s="11" t="str">
        <f t="shared" si="27"/>
        <v>^</v>
      </c>
      <c r="AF13" s="11" t="str">
        <f t="shared" si="28"/>
        <v>&lt;</v>
      </c>
      <c r="AG13" s="11" t="str">
        <f t="shared" si="29"/>
        <v>&lt;</v>
      </c>
      <c r="AH13" s="11" t="str">
        <f t="shared" si="30"/>
        <v>^</v>
      </c>
      <c r="AI13" s="11" t="str">
        <f t="shared" si="31"/>
        <v>&lt;</v>
      </c>
    </row>
    <row r="14" spans="1:35" x14ac:dyDescent="0.25">
      <c r="A14" s="5">
        <f t="shared" si="32"/>
        <v>13</v>
      </c>
      <c r="B14" s="17">
        <f t="shared" si="17"/>
        <v>0</v>
      </c>
      <c r="C14" s="17">
        <f t="shared" si="2"/>
        <v>0</v>
      </c>
      <c r="D14" s="17">
        <f t="shared" si="3"/>
        <v>0</v>
      </c>
      <c r="E14" s="17">
        <f t="shared" si="4"/>
        <v>0</v>
      </c>
      <c r="F14" s="17">
        <f t="shared" si="5"/>
        <v>0</v>
      </c>
      <c r="G14" s="17">
        <f t="shared" si="6"/>
        <v>0</v>
      </c>
      <c r="H14" s="17">
        <f t="shared" si="7"/>
        <v>0</v>
      </c>
      <c r="I14" s="17">
        <f t="shared" si="8"/>
        <v>0</v>
      </c>
      <c r="J14" s="17">
        <f t="shared" si="9"/>
        <v>0</v>
      </c>
      <c r="K14" s="17">
        <f t="shared" si="10"/>
        <v>0</v>
      </c>
      <c r="L14" s="17">
        <f t="shared" si="11"/>
        <v>0</v>
      </c>
      <c r="M14" s="17">
        <f t="shared" si="12"/>
        <v>1</v>
      </c>
      <c r="N14" s="17">
        <f t="shared" si="13"/>
        <v>0</v>
      </c>
      <c r="O14" s="17">
        <f t="shared" si="14"/>
        <v>0</v>
      </c>
      <c r="P14" s="17">
        <f t="shared" si="15"/>
        <v>0</v>
      </c>
      <c r="Q14" s="17">
        <f t="shared" si="16"/>
        <v>0</v>
      </c>
      <c r="S14" s="5">
        <f t="shared" si="33"/>
        <v>13</v>
      </c>
      <c r="T14" s="10" t="s">
        <v>2</v>
      </c>
      <c r="U14" s="11" t="str">
        <f t="shared" si="34"/>
        <v>&lt;</v>
      </c>
      <c r="V14" s="11" t="str">
        <f t="shared" si="18"/>
        <v>^</v>
      </c>
      <c r="W14" s="11" t="str">
        <f t="shared" si="19"/>
        <v>^</v>
      </c>
      <c r="X14" s="11" t="str">
        <f t="shared" si="20"/>
        <v>&lt;</v>
      </c>
      <c r="Y14" s="11" t="str">
        <f t="shared" si="21"/>
        <v>&lt;</v>
      </c>
      <c r="Z14" s="11" t="str">
        <f t="shared" si="22"/>
        <v>^</v>
      </c>
      <c r="AA14" s="11" t="str">
        <f t="shared" si="23"/>
        <v>&lt;</v>
      </c>
      <c r="AB14" s="11" t="str">
        <f t="shared" si="24"/>
        <v>&lt;</v>
      </c>
      <c r="AC14" s="11" t="str">
        <f t="shared" si="25"/>
        <v>^</v>
      </c>
      <c r="AD14" s="11" t="str">
        <f t="shared" si="26"/>
        <v>&lt;</v>
      </c>
      <c r="AE14" s="11" t="str">
        <f t="shared" si="27"/>
        <v>^</v>
      </c>
      <c r="AF14" s="11" t="str">
        <f t="shared" si="28"/>
        <v>&lt;</v>
      </c>
      <c r="AG14" s="11" t="str">
        <f t="shared" si="29"/>
        <v>&lt;</v>
      </c>
      <c r="AH14" s="11" t="str">
        <f t="shared" si="30"/>
        <v>^</v>
      </c>
      <c r="AI14" s="11" t="str">
        <f t="shared" si="31"/>
        <v>&lt;</v>
      </c>
    </row>
    <row r="15" spans="1:35" x14ac:dyDescent="0.25">
      <c r="A15" s="5">
        <f t="shared" si="32"/>
        <v>14</v>
      </c>
      <c r="B15" s="17">
        <f t="shared" si="17"/>
        <v>0</v>
      </c>
      <c r="C15" s="17">
        <f t="shared" si="2"/>
        <v>0</v>
      </c>
      <c r="D15" s="17">
        <f t="shared" si="3"/>
        <v>0</v>
      </c>
      <c r="E15" s="17">
        <f t="shared" si="4"/>
        <v>0</v>
      </c>
      <c r="F15" s="17">
        <f t="shared" si="5"/>
        <v>0</v>
      </c>
      <c r="G15" s="17">
        <f t="shared" si="6"/>
        <v>0</v>
      </c>
      <c r="H15" s="17">
        <f t="shared" si="7"/>
        <v>0</v>
      </c>
      <c r="I15" s="17">
        <f t="shared" si="8"/>
        <v>0</v>
      </c>
      <c r="J15" s="17">
        <f t="shared" si="9"/>
        <v>0</v>
      </c>
      <c r="K15" s="17">
        <f t="shared" si="10"/>
        <v>0</v>
      </c>
      <c r="L15" s="17">
        <f t="shared" si="11"/>
        <v>0</v>
      </c>
      <c r="M15" s="17">
        <f t="shared" si="12"/>
        <v>1</v>
      </c>
      <c r="N15" s="17">
        <f t="shared" si="13"/>
        <v>1</v>
      </c>
      <c r="O15" s="17">
        <f t="shared" si="14"/>
        <v>1</v>
      </c>
      <c r="P15" s="17">
        <f t="shared" si="15"/>
        <v>0</v>
      </c>
      <c r="Q15" s="17">
        <f t="shared" si="16"/>
        <v>0</v>
      </c>
      <c r="S15" s="5">
        <f t="shared" si="33"/>
        <v>14</v>
      </c>
      <c r="T15" s="10" t="s">
        <v>2</v>
      </c>
      <c r="U15" s="11" t="str">
        <f t="shared" si="34"/>
        <v>&lt;</v>
      </c>
      <c r="V15" s="11" t="str">
        <f t="shared" si="18"/>
        <v>^</v>
      </c>
      <c r="W15" s="11" t="str">
        <f t="shared" si="19"/>
        <v>^</v>
      </c>
      <c r="X15" s="11" t="str">
        <f t="shared" si="20"/>
        <v>^</v>
      </c>
      <c r="Y15" s="11" t="str">
        <f t="shared" si="21"/>
        <v>&lt;</v>
      </c>
      <c r="Z15" s="11" t="str">
        <f t="shared" si="22"/>
        <v>^</v>
      </c>
      <c r="AA15" s="11" t="str">
        <f t="shared" si="23"/>
        <v>&lt;</v>
      </c>
      <c r="AB15" s="11" t="str">
        <f t="shared" si="24"/>
        <v>&lt;</v>
      </c>
      <c r="AC15" s="11" t="str">
        <f t="shared" si="25"/>
        <v>^</v>
      </c>
      <c r="AD15" s="11" t="str">
        <f t="shared" si="26"/>
        <v>&lt;</v>
      </c>
      <c r="AE15" s="11" t="str">
        <f t="shared" si="27"/>
        <v>^</v>
      </c>
      <c r="AF15" s="11" t="str">
        <f t="shared" si="28"/>
        <v>&lt;</v>
      </c>
      <c r="AG15" s="11" t="str">
        <f t="shared" si="29"/>
        <v>&lt;</v>
      </c>
      <c r="AH15" s="11" t="str">
        <f t="shared" si="30"/>
        <v>&lt;</v>
      </c>
      <c r="AI15" s="11" t="str">
        <f t="shared" si="31"/>
        <v>&lt;</v>
      </c>
    </row>
    <row r="16" spans="1:35" x14ac:dyDescent="0.25">
      <c r="A16" s="5">
        <f t="shared" si="32"/>
        <v>15</v>
      </c>
      <c r="B16" s="17">
        <f t="shared" si="17"/>
        <v>0</v>
      </c>
      <c r="C16" s="17">
        <f t="shared" si="2"/>
        <v>0</v>
      </c>
      <c r="D16" s="17">
        <f t="shared" si="3"/>
        <v>0</v>
      </c>
      <c r="E16" s="17">
        <f t="shared" si="4"/>
        <v>0</v>
      </c>
      <c r="F16" s="17">
        <f t="shared" si="5"/>
        <v>0</v>
      </c>
      <c r="G16" s="17">
        <f t="shared" si="6"/>
        <v>0</v>
      </c>
      <c r="H16" s="17">
        <f t="shared" si="7"/>
        <v>0</v>
      </c>
      <c r="I16" s="17">
        <f t="shared" si="8"/>
        <v>0</v>
      </c>
      <c r="J16" s="17">
        <f t="shared" si="9"/>
        <v>0</v>
      </c>
      <c r="K16" s="17">
        <f t="shared" si="10"/>
        <v>0</v>
      </c>
      <c r="L16" s="17">
        <f t="shared" si="11"/>
        <v>0</v>
      </c>
      <c r="M16" s="17">
        <f t="shared" si="12"/>
        <v>0</v>
      </c>
      <c r="N16" s="17">
        <f t="shared" si="13"/>
        <v>0</v>
      </c>
      <c r="O16" s="17">
        <f t="shared" si="14"/>
        <v>1</v>
      </c>
      <c r="P16" s="17">
        <f t="shared" si="15"/>
        <v>0</v>
      </c>
      <c r="Q16" s="17">
        <f t="shared" si="16"/>
        <v>0</v>
      </c>
      <c r="S16" s="5">
        <f t="shared" si="33"/>
        <v>15</v>
      </c>
      <c r="T16" s="10" t="s">
        <v>2</v>
      </c>
      <c r="U16" s="11" t="str">
        <f t="shared" si="34"/>
        <v>&lt;</v>
      </c>
      <c r="V16" s="11" t="str">
        <f t="shared" si="18"/>
        <v>^</v>
      </c>
      <c r="W16" s="11" t="str">
        <f t="shared" si="19"/>
        <v>^</v>
      </c>
      <c r="X16" s="11" t="str">
        <f t="shared" si="20"/>
        <v>^</v>
      </c>
      <c r="Y16" s="11" t="str">
        <f t="shared" si="21"/>
        <v>&lt;</v>
      </c>
      <c r="Z16" s="11" t="str">
        <f t="shared" si="22"/>
        <v>^</v>
      </c>
      <c r="AA16" s="11" t="str">
        <f t="shared" si="23"/>
        <v>&lt;</v>
      </c>
      <c r="AB16" s="11" t="str">
        <f t="shared" si="24"/>
        <v>&lt;</v>
      </c>
      <c r="AC16" s="11" t="str">
        <f t="shared" si="25"/>
        <v>^</v>
      </c>
      <c r="AD16" s="11" t="str">
        <f t="shared" si="26"/>
        <v>&lt;</v>
      </c>
      <c r="AE16" s="11" t="str">
        <f t="shared" si="27"/>
        <v>^</v>
      </c>
      <c r="AF16" s="11" t="str">
        <f t="shared" si="28"/>
        <v>&lt;</v>
      </c>
      <c r="AG16" s="11" t="str">
        <f t="shared" si="29"/>
        <v>^</v>
      </c>
      <c r="AH16" s="11" t="str">
        <f t="shared" si="30"/>
        <v>&lt;</v>
      </c>
      <c r="AI16" s="11" t="str">
        <f t="shared" si="31"/>
        <v>&lt;</v>
      </c>
    </row>
    <row r="17" spans="1:35" ht="15.75" thickBot="1" x14ac:dyDescent="0.3">
      <c r="A17" s="6">
        <f t="shared" si="32"/>
        <v>16</v>
      </c>
      <c r="B17" s="17">
        <f t="shared" ref="B17:P17" si="35">+IF(OR(AND(T36=1,T18="^"),AND(C17=1,U17="&lt;")),1,0)</f>
        <v>0</v>
      </c>
      <c r="C17" s="17">
        <f t="shared" si="35"/>
        <v>0</v>
      </c>
      <c r="D17" s="17">
        <f t="shared" si="35"/>
        <v>0</v>
      </c>
      <c r="E17" s="17">
        <f t="shared" si="35"/>
        <v>0</v>
      </c>
      <c r="F17" s="17">
        <f t="shared" si="35"/>
        <v>0</v>
      </c>
      <c r="G17" s="17">
        <f t="shared" si="35"/>
        <v>0</v>
      </c>
      <c r="H17" s="17">
        <f t="shared" si="35"/>
        <v>0</v>
      </c>
      <c r="I17" s="17">
        <f t="shared" si="35"/>
        <v>0</v>
      </c>
      <c r="J17" s="17">
        <f t="shared" si="35"/>
        <v>0</v>
      </c>
      <c r="K17" s="17">
        <f t="shared" si="35"/>
        <v>0</v>
      </c>
      <c r="L17" s="17">
        <f t="shared" si="35"/>
        <v>0</v>
      </c>
      <c r="M17" s="17">
        <f t="shared" si="35"/>
        <v>0</v>
      </c>
      <c r="N17" s="17">
        <f t="shared" si="35"/>
        <v>0</v>
      </c>
      <c r="O17" s="17">
        <f t="shared" si="35"/>
        <v>1</v>
      </c>
      <c r="P17" s="17">
        <f t="shared" si="35"/>
        <v>1</v>
      </c>
      <c r="Q17" s="17">
        <v>1</v>
      </c>
      <c r="S17" s="6">
        <f t="shared" si="33"/>
        <v>16</v>
      </c>
      <c r="T17" s="10" t="s">
        <v>2</v>
      </c>
      <c r="U17" s="11" t="str">
        <f t="shared" si="34"/>
        <v>&lt;</v>
      </c>
      <c r="V17" s="11" t="str">
        <f t="shared" si="18"/>
        <v>^</v>
      </c>
      <c r="W17" s="11" t="str">
        <f t="shared" si="19"/>
        <v>^</v>
      </c>
      <c r="X17" s="11" t="str">
        <f t="shared" si="20"/>
        <v>^</v>
      </c>
      <c r="Y17" s="11" t="str">
        <f t="shared" si="21"/>
        <v>&lt;</v>
      </c>
      <c r="Z17" s="11" t="str">
        <f t="shared" si="22"/>
        <v>^</v>
      </c>
      <c r="AA17" s="11" t="str">
        <f t="shared" si="23"/>
        <v>&lt;</v>
      </c>
      <c r="AB17" s="11" t="str">
        <f t="shared" si="24"/>
        <v>&lt;</v>
      </c>
      <c r="AC17" s="11" t="str">
        <f t="shared" si="25"/>
        <v>^</v>
      </c>
      <c r="AD17" s="11" t="str">
        <f t="shared" si="26"/>
        <v>&lt;</v>
      </c>
      <c r="AE17" s="11" t="str">
        <f t="shared" si="27"/>
        <v>^</v>
      </c>
      <c r="AF17" s="11" t="str">
        <f t="shared" si="28"/>
        <v>&lt;</v>
      </c>
      <c r="AG17" s="11" t="str">
        <f t="shared" si="29"/>
        <v>^</v>
      </c>
      <c r="AH17" s="11" t="str">
        <f t="shared" si="30"/>
        <v>&lt;</v>
      </c>
      <c r="AI17" s="11" t="str">
        <f t="shared" si="31"/>
        <v>&lt;</v>
      </c>
    </row>
    <row r="18" spans="1:35" ht="15.75" thickBot="1" x14ac:dyDescent="0.3"/>
    <row r="19" spans="1:35" ht="15.75" thickBot="1" x14ac:dyDescent="0.3">
      <c r="A19" s="4"/>
      <c r="B19" s="7">
        <v>1</v>
      </c>
      <c r="C19" s="7">
        <f>+B19+1</f>
        <v>2</v>
      </c>
      <c r="D19" s="7">
        <f t="shared" ref="D19:Q19" si="36">+C19+1</f>
        <v>3</v>
      </c>
      <c r="E19" s="7">
        <f t="shared" si="36"/>
        <v>4</v>
      </c>
      <c r="F19" s="7">
        <f t="shared" si="36"/>
        <v>5</v>
      </c>
      <c r="G19" s="7">
        <f t="shared" si="36"/>
        <v>6</v>
      </c>
      <c r="H19" s="7">
        <f t="shared" si="36"/>
        <v>7</v>
      </c>
      <c r="I19" s="7">
        <f t="shared" si="36"/>
        <v>8</v>
      </c>
      <c r="J19" s="7">
        <f t="shared" si="36"/>
        <v>9</v>
      </c>
      <c r="K19" s="7">
        <f t="shared" si="36"/>
        <v>10</v>
      </c>
      <c r="L19" s="7">
        <f t="shared" si="36"/>
        <v>11</v>
      </c>
      <c r="M19" s="7">
        <f t="shared" si="36"/>
        <v>12</v>
      </c>
      <c r="N19" s="7">
        <f t="shared" si="36"/>
        <v>13</v>
      </c>
      <c r="O19" s="7">
        <f t="shared" si="36"/>
        <v>14</v>
      </c>
      <c r="P19" s="7">
        <f t="shared" si="36"/>
        <v>15</v>
      </c>
      <c r="Q19" s="7">
        <f t="shared" si="36"/>
        <v>16</v>
      </c>
    </row>
    <row r="20" spans="1:35" x14ac:dyDescent="0.25">
      <c r="A20" s="5">
        <v>1</v>
      </c>
      <c r="B20" s="8">
        <f>+Terkep!B2</f>
        <v>1</v>
      </c>
      <c r="C20" s="9">
        <f>+B20+Terkep!C2</f>
        <v>1</v>
      </c>
      <c r="D20" s="9">
        <f>+C20+Terkep!D2</f>
        <v>1</v>
      </c>
      <c r="E20" s="9">
        <f>+D20+Terkep!E2</f>
        <v>1</v>
      </c>
      <c r="F20" s="9">
        <f>+E20+Terkep!F2</f>
        <v>1</v>
      </c>
      <c r="G20" s="9">
        <f>+F20+Terkep!G2</f>
        <v>1</v>
      </c>
      <c r="H20" s="9">
        <f>+G20+Terkep!H2</f>
        <v>1</v>
      </c>
      <c r="I20" s="9">
        <f>+H20+Terkep!I2</f>
        <v>1</v>
      </c>
      <c r="J20" s="9">
        <f>+I20+Terkep!J2</f>
        <v>1</v>
      </c>
      <c r="K20" s="9">
        <f>+J20+Terkep!K2</f>
        <v>1</v>
      </c>
      <c r="L20" s="9">
        <f>+K20+Terkep!L2</f>
        <v>1</v>
      </c>
      <c r="M20" s="9">
        <f>+L20+Terkep!M2</f>
        <v>1</v>
      </c>
      <c r="N20" s="9">
        <f>+M20+Terkep!N2</f>
        <v>1</v>
      </c>
      <c r="O20" s="9">
        <f>+N20+Terkep!O2</f>
        <v>2</v>
      </c>
      <c r="P20" s="9">
        <f>+O20+Terkep!P2</f>
        <v>3</v>
      </c>
      <c r="Q20" s="14">
        <f>+P20+Terkep!Q2</f>
        <v>3</v>
      </c>
    </row>
    <row r="21" spans="1:35" x14ac:dyDescent="0.25">
      <c r="A21" s="5">
        <f>+A20+1</f>
        <v>2</v>
      </c>
      <c r="B21" s="10">
        <f>+B20+Terkep!B3</f>
        <v>1</v>
      </c>
      <c r="C21" s="11">
        <f>+IF(C20&gt;B21,C20+Terkep!C3,Szamitas!B21+Terkep!C3)</f>
        <v>1</v>
      </c>
      <c r="D21" s="11">
        <f>+IF(D20&gt;C21,D20+Terkep!D3,Szamitas!C21+Terkep!D3)</f>
        <v>1</v>
      </c>
      <c r="E21" s="11">
        <f>+IF(E20&gt;D21,E20+Terkep!E3,Szamitas!D21+Terkep!E3)</f>
        <v>1</v>
      </c>
      <c r="F21" s="11">
        <f>+IF(F20&gt;E21,F20+Terkep!F3,Szamitas!E21+Terkep!F3)</f>
        <v>1</v>
      </c>
      <c r="G21" s="11">
        <f>+IF(G20&gt;F21,G20+Terkep!G3,Szamitas!F21+Terkep!G3)</f>
        <v>1</v>
      </c>
      <c r="H21" s="11">
        <f>+IF(H20&gt;G21,H20+Terkep!H3,Szamitas!G21+Terkep!H3)</f>
        <v>1</v>
      </c>
      <c r="I21" s="11">
        <f>+IF(I20&gt;H21,I20+Terkep!I3,Szamitas!H21+Terkep!I3)</f>
        <v>1</v>
      </c>
      <c r="J21" s="11">
        <f>+IF(J20&gt;I21,J20+Terkep!J3,Szamitas!I21+Terkep!J3)</f>
        <v>1</v>
      </c>
      <c r="K21" s="11">
        <f>+IF(K20&gt;J21,K20+Terkep!K3,Szamitas!J21+Terkep!K3)</f>
        <v>1</v>
      </c>
      <c r="L21" s="11">
        <f>+IF(L20&gt;K21,L20+Terkep!L3,Szamitas!K21+Terkep!L3)</f>
        <v>1</v>
      </c>
      <c r="M21" s="11">
        <f>+IF(M20&gt;L21,M20+Terkep!M3,Szamitas!L21+Terkep!M3)</f>
        <v>1</v>
      </c>
      <c r="N21" s="11">
        <f>+IF(N20&gt;M21,N20+Terkep!N3,Szamitas!M21+Terkep!N3)</f>
        <v>1</v>
      </c>
      <c r="O21" s="11">
        <f>+IF(O20&gt;N21,O20+Terkep!O3,Szamitas!N21+Terkep!O3)</f>
        <v>2</v>
      </c>
      <c r="P21" s="11">
        <f>+IF(P20&gt;O21,P20+Terkep!P3,Szamitas!O21+Terkep!P3)</f>
        <v>3</v>
      </c>
      <c r="Q21" s="15">
        <f>+IF(Q20&gt;P21,Q20+Terkep!Q3,Szamitas!P21+Terkep!Q3)</f>
        <v>3</v>
      </c>
    </row>
    <row r="22" spans="1:35" x14ac:dyDescent="0.25">
      <c r="A22" s="5">
        <f t="shared" ref="A22:A35" si="37">+A21+1</f>
        <v>3</v>
      </c>
      <c r="B22" s="10">
        <f>+B21+Terkep!B4</f>
        <v>1</v>
      </c>
      <c r="C22" s="11">
        <f>+IF(C21&gt;B22,C21+Terkep!C4,Szamitas!B22+Terkep!C4)</f>
        <v>1</v>
      </c>
      <c r="D22" s="11">
        <f>+IF(D21&gt;C22,D21+Terkep!D4,Szamitas!C22+Terkep!D4)</f>
        <v>1</v>
      </c>
      <c r="E22" s="11">
        <f>+IF(E21&gt;D22,E21+Terkep!E4,Szamitas!D22+Terkep!E4)</f>
        <v>2</v>
      </c>
      <c r="F22" s="11">
        <f>+IF(F21&gt;E22,F21+Terkep!F4,Szamitas!E22+Terkep!F4)</f>
        <v>2</v>
      </c>
      <c r="G22" s="11">
        <f>+IF(G21&gt;F22,G21+Terkep!G4,Szamitas!F22+Terkep!G4)</f>
        <v>2</v>
      </c>
      <c r="H22" s="11">
        <f>+IF(H21&gt;G22,H21+Terkep!H4,Szamitas!G22+Terkep!H4)</f>
        <v>2</v>
      </c>
      <c r="I22" s="11">
        <f>+IF(I21&gt;H22,I21+Terkep!I4,Szamitas!H22+Terkep!I4)</f>
        <v>2</v>
      </c>
      <c r="J22" s="11">
        <f>+IF(J21&gt;I22,J21+Terkep!J4,Szamitas!I22+Terkep!J4)</f>
        <v>2</v>
      </c>
      <c r="K22" s="11">
        <f>+IF(K21&gt;J22,K21+Terkep!K4,Szamitas!J22+Terkep!K4)</f>
        <v>2</v>
      </c>
      <c r="L22" s="11">
        <f>+IF(L21&gt;K22,L21+Terkep!L4,Szamitas!K22+Terkep!L4)</f>
        <v>2</v>
      </c>
      <c r="M22" s="11">
        <f>+IF(M21&gt;L22,M21+Terkep!M4,Szamitas!L22+Terkep!M4)</f>
        <v>2</v>
      </c>
      <c r="N22" s="11">
        <f>+IF(N21&gt;M22,N21+Terkep!N4,Szamitas!M22+Terkep!N4)</f>
        <v>2</v>
      </c>
      <c r="O22" s="11">
        <f>+IF(O21&gt;N22,O21+Terkep!O4,Szamitas!N22+Terkep!O4)</f>
        <v>3</v>
      </c>
      <c r="P22" s="11">
        <f>+IF(P21&gt;O22,P21+Terkep!P4,Szamitas!O22+Terkep!P4)</f>
        <v>4</v>
      </c>
      <c r="Q22" s="15">
        <f>+IF(Q21&gt;P22,Q21+Terkep!Q4,Szamitas!P22+Terkep!Q4)</f>
        <v>5</v>
      </c>
    </row>
    <row r="23" spans="1:35" x14ac:dyDescent="0.25">
      <c r="A23" s="5">
        <f t="shared" si="37"/>
        <v>4</v>
      </c>
      <c r="B23" s="10">
        <f>+B22+Terkep!B5</f>
        <v>2</v>
      </c>
      <c r="C23" s="11">
        <f>+IF(C22&gt;B23,C22+Terkep!C5,Szamitas!B23+Terkep!C5)</f>
        <v>2</v>
      </c>
      <c r="D23" s="11">
        <f>+IF(D22&gt;C23,D22+Terkep!D5,Szamitas!C23+Terkep!D5)</f>
        <v>3</v>
      </c>
      <c r="E23" s="11">
        <f>+IF(E22&gt;D23,E22+Terkep!E5,Szamitas!D23+Terkep!E5)</f>
        <v>3</v>
      </c>
      <c r="F23" s="11">
        <f>+IF(F22&gt;E23,F22+Terkep!F5,Szamitas!E23+Terkep!F5)</f>
        <v>3</v>
      </c>
      <c r="G23" s="11">
        <f>+IF(G22&gt;F23,G22+Terkep!G5,Szamitas!F23+Terkep!G5)</f>
        <v>3</v>
      </c>
      <c r="H23" s="11">
        <f>+IF(H22&gt;G23,H22+Terkep!H5,Szamitas!G23+Terkep!H5)</f>
        <v>3</v>
      </c>
      <c r="I23" s="11">
        <f>+IF(I22&gt;H23,I22+Terkep!I5,Szamitas!H23+Terkep!I5)</f>
        <v>3</v>
      </c>
      <c r="J23" s="11">
        <f>+IF(J22&gt;I23,J22+Terkep!J5,Szamitas!I23+Terkep!J5)</f>
        <v>3</v>
      </c>
      <c r="K23" s="11">
        <f>+IF(K22&gt;J23,K22+Terkep!K5,Szamitas!J23+Terkep!K5)</f>
        <v>3</v>
      </c>
      <c r="L23" s="11">
        <f>+IF(L22&gt;K23,L22+Terkep!L5,Szamitas!K23+Terkep!L5)</f>
        <v>3</v>
      </c>
      <c r="M23" s="11">
        <f>+IF(M22&gt;L23,M22+Terkep!M5,Szamitas!L23+Terkep!M5)</f>
        <v>3</v>
      </c>
      <c r="N23" s="11">
        <f>+IF(N22&gt;M23,N22+Terkep!N5,Szamitas!M23+Terkep!N5)</f>
        <v>3</v>
      </c>
      <c r="O23" s="11">
        <f>+IF(O22&gt;N23,O22+Terkep!O5,Szamitas!N23+Terkep!O5)</f>
        <v>3</v>
      </c>
      <c r="P23" s="11">
        <f>+IF(P22&gt;O23,P22+Terkep!P5,Szamitas!O23+Terkep!P5)</f>
        <v>4</v>
      </c>
      <c r="Q23" s="15">
        <f>+IF(Q22&gt;P23,Q22+Terkep!Q5,Szamitas!P23+Terkep!Q5)</f>
        <v>6</v>
      </c>
    </row>
    <row r="24" spans="1:35" x14ac:dyDescent="0.25">
      <c r="A24" s="5">
        <f t="shared" si="37"/>
        <v>5</v>
      </c>
      <c r="B24" s="10">
        <f>+B23+Terkep!B6</f>
        <v>2</v>
      </c>
      <c r="C24" s="11">
        <f>+IF(C23&gt;B24,C23+Terkep!C6,Szamitas!B24+Terkep!C6)</f>
        <v>2</v>
      </c>
      <c r="D24" s="11">
        <f>+IF(D23&gt;C24,D23+Terkep!D6,Szamitas!C24+Terkep!D6)</f>
        <v>3</v>
      </c>
      <c r="E24" s="11">
        <f>+IF(E23&gt;D24,E23+Terkep!E6,Szamitas!D24+Terkep!E6)</f>
        <v>3</v>
      </c>
      <c r="F24" s="11">
        <f>+IF(F23&gt;E24,F23+Terkep!F6,Szamitas!E24+Terkep!F6)</f>
        <v>3</v>
      </c>
      <c r="G24" s="11">
        <f>+IF(G23&gt;F24,G23+Terkep!G6,Szamitas!F24+Terkep!G6)</f>
        <v>3</v>
      </c>
      <c r="H24" s="11">
        <f>+IF(H23&gt;G24,H23+Terkep!H6,Szamitas!G24+Terkep!H6)</f>
        <v>3</v>
      </c>
      <c r="I24" s="11">
        <f>+IF(I23&gt;H24,I23+Terkep!I6,Szamitas!H24+Terkep!I6)</f>
        <v>3</v>
      </c>
      <c r="J24" s="11">
        <f>+IF(J23&gt;I24,J23+Terkep!J6,Szamitas!I24+Terkep!J6)</f>
        <v>3</v>
      </c>
      <c r="K24" s="11">
        <f>+IF(K23&gt;J24,K23+Terkep!K6,Szamitas!J24+Terkep!K6)</f>
        <v>3</v>
      </c>
      <c r="L24" s="11">
        <f>+IF(L23&gt;K24,L23+Terkep!L6,Szamitas!K24+Terkep!L6)</f>
        <v>3</v>
      </c>
      <c r="M24" s="11">
        <f>+IF(M23&gt;L24,M23+Terkep!M6,Szamitas!L24+Terkep!M6)</f>
        <v>3</v>
      </c>
      <c r="N24" s="11">
        <f>+IF(N23&gt;M24,N23+Terkep!N6,Szamitas!M24+Terkep!N6)</f>
        <v>3</v>
      </c>
      <c r="O24" s="11">
        <f>+IF(O23&gt;N24,O23+Terkep!O6,Szamitas!N24+Terkep!O6)</f>
        <v>3</v>
      </c>
      <c r="P24" s="11">
        <f>+IF(P23&gt;O24,P23+Terkep!P6,Szamitas!O24+Terkep!P6)</f>
        <v>5</v>
      </c>
      <c r="Q24" s="15">
        <f>+IF(Q23&gt;P24,Q23+Terkep!Q6,Szamitas!P24+Terkep!Q6)</f>
        <v>7</v>
      </c>
    </row>
    <row r="25" spans="1:35" x14ac:dyDescent="0.25">
      <c r="A25" s="5">
        <f t="shared" si="37"/>
        <v>6</v>
      </c>
      <c r="B25" s="10">
        <f>+B24+Terkep!B7</f>
        <v>2</v>
      </c>
      <c r="C25" s="11">
        <f>+IF(C24&gt;B25,C24+Terkep!C7,Szamitas!B25+Terkep!C7)</f>
        <v>2</v>
      </c>
      <c r="D25" s="11">
        <f>+IF(D24&gt;C25,D24+Terkep!D7,Szamitas!C25+Terkep!D7)</f>
        <v>3</v>
      </c>
      <c r="E25" s="11">
        <f>+IF(E24&gt;D25,E24+Terkep!E7,Szamitas!D25+Terkep!E7)</f>
        <v>3</v>
      </c>
      <c r="F25" s="11">
        <f>+IF(F24&gt;E25,F24+Terkep!F7,Szamitas!E25+Terkep!F7)</f>
        <v>3</v>
      </c>
      <c r="G25" s="11">
        <f>+IF(G24&gt;F25,G24+Terkep!G7,Szamitas!F25+Terkep!G7)</f>
        <v>3</v>
      </c>
      <c r="H25" s="11">
        <f>+IF(H24&gt;G25,H24+Terkep!H7,Szamitas!G25+Terkep!H7)</f>
        <v>3</v>
      </c>
      <c r="I25" s="11">
        <f>+IF(I24&gt;H25,I24+Terkep!I7,Szamitas!H25+Terkep!I7)</f>
        <v>3</v>
      </c>
      <c r="J25" s="11">
        <f>+IF(J24&gt;I25,J24+Terkep!J7,Szamitas!I25+Terkep!J7)</f>
        <v>3</v>
      </c>
      <c r="K25" s="11">
        <f>+IF(K24&gt;J25,K24+Terkep!K7,Szamitas!J25+Terkep!K7)</f>
        <v>3</v>
      </c>
      <c r="L25" s="11">
        <f>+IF(L24&gt;K25,L24+Terkep!L7,Szamitas!K25+Terkep!L7)</f>
        <v>3</v>
      </c>
      <c r="M25" s="11">
        <f>+IF(M24&gt;L25,M24+Terkep!M7,Szamitas!L25+Terkep!M7)</f>
        <v>3</v>
      </c>
      <c r="N25" s="11">
        <f>+IF(N24&gt;M25,N24+Terkep!N7,Szamitas!M25+Terkep!N7)</f>
        <v>3</v>
      </c>
      <c r="O25" s="11">
        <f>+IF(O24&gt;N25,O24+Terkep!O7,Szamitas!N25+Terkep!O7)</f>
        <v>3</v>
      </c>
      <c r="P25" s="11">
        <f>+IF(P24&gt;O25,P24+Terkep!P7,Szamitas!O25+Terkep!P7)</f>
        <v>6</v>
      </c>
      <c r="Q25" s="15">
        <f>+IF(Q24&gt;P25,Q24+Terkep!Q7,Szamitas!P25+Terkep!Q7)</f>
        <v>8</v>
      </c>
    </row>
    <row r="26" spans="1:35" x14ac:dyDescent="0.25">
      <c r="A26" s="5">
        <f t="shared" si="37"/>
        <v>7</v>
      </c>
      <c r="B26" s="10">
        <f>+B25+Terkep!B8</f>
        <v>2</v>
      </c>
      <c r="C26" s="11">
        <f>+IF(C25&gt;B26,C25+Terkep!C8,Szamitas!B26+Terkep!C8)</f>
        <v>2</v>
      </c>
      <c r="D26" s="11">
        <f>+IF(D25&gt;C26,D25+Terkep!D8,Szamitas!C26+Terkep!D8)</f>
        <v>3</v>
      </c>
      <c r="E26" s="11">
        <f>+IF(E25&gt;D26,E25+Terkep!E8,Szamitas!D26+Terkep!E8)</f>
        <v>4</v>
      </c>
      <c r="F26" s="11">
        <f>+IF(F25&gt;E26,F25+Terkep!F8,Szamitas!E26+Terkep!F8)</f>
        <v>4</v>
      </c>
      <c r="G26" s="11">
        <f>+IF(G25&gt;F26,G25+Terkep!G8,Szamitas!F26+Terkep!G8)</f>
        <v>4</v>
      </c>
      <c r="H26" s="11">
        <f>+IF(H25&gt;G26,H25+Terkep!H8,Szamitas!G26+Terkep!H8)</f>
        <v>4</v>
      </c>
      <c r="I26" s="11">
        <f>+IF(I25&gt;H26,I25+Terkep!I8,Szamitas!H26+Terkep!I8)</f>
        <v>4</v>
      </c>
      <c r="J26" s="11">
        <f>+IF(J25&gt;I26,J25+Terkep!J8,Szamitas!I26+Terkep!J8)</f>
        <v>4</v>
      </c>
      <c r="K26" s="11">
        <f>+IF(K25&gt;J26,K25+Terkep!K8,Szamitas!J26+Terkep!K8)</f>
        <v>4</v>
      </c>
      <c r="L26" s="11">
        <f>+IF(L25&gt;K26,L25+Terkep!L8,Szamitas!K26+Terkep!L8)</f>
        <v>4</v>
      </c>
      <c r="M26" s="11">
        <f>+IF(M25&gt;L26,M25+Terkep!M8,Szamitas!L26+Terkep!M8)</f>
        <v>4</v>
      </c>
      <c r="N26" s="11">
        <f>+IF(N25&gt;M26,N25+Terkep!N8,Szamitas!M26+Terkep!N8)</f>
        <v>4</v>
      </c>
      <c r="O26" s="11">
        <f>+IF(O25&gt;N26,O25+Terkep!O8,Szamitas!N26+Terkep!O8)</f>
        <v>4</v>
      </c>
      <c r="P26" s="11">
        <f>+IF(P25&gt;O26,P25+Terkep!P8,Szamitas!O26+Terkep!P8)</f>
        <v>7</v>
      </c>
      <c r="Q26" s="15">
        <f>+IF(Q25&gt;P26,Q25+Terkep!Q8,Szamitas!P26+Terkep!Q8)</f>
        <v>9</v>
      </c>
    </row>
    <row r="27" spans="1:35" x14ac:dyDescent="0.25">
      <c r="A27" s="5">
        <f t="shared" si="37"/>
        <v>8</v>
      </c>
      <c r="B27" s="10">
        <f>+B26+Terkep!B9</f>
        <v>2</v>
      </c>
      <c r="C27" s="11">
        <f>+IF(C26&gt;B27,C26+Terkep!C9,Szamitas!B27+Terkep!C9)</f>
        <v>2</v>
      </c>
      <c r="D27" s="11">
        <f>+IF(D26&gt;C27,D26+Terkep!D9,Szamitas!C27+Terkep!D9)</f>
        <v>3</v>
      </c>
      <c r="E27" s="11">
        <f>+IF(E26&gt;D27,E26+Terkep!E9,Szamitas!D27+Terkep!E9)</f>
        <v>4</v>
      </c>
      <c r="F27" s="11">
        <f>+IF(F26&gt;E27,F26+Terkep!F9,Szamitas!E27+Terkep!F9)</f>
        <v>4</v>
      </c>
      <c r="G27" s="11">
        <f>+IF(G26&gt;F27,G26+Terkep!G9,Szamitas!F27+Terkep!G9)</f>
        <v>4</v>
      </c>
      <c r="H27" s="11">
        <f>+IF(H26&gt;G27,H26+Terkep!H9,Szamitas!G27+Terkep!H9)</f>
        <v>5</v>
      </c>
      <c r="I27" s="11">
        <f>+IF(I26&gt;H27,I26+Terkep!I9,Szamitas!H27+Terkep!I9)</f>
        <v>5</v>
      </c>
      <c r="J27" s="11">
        <f>+IF(J26&gt;I27,J26+Terkep!J9,Szamitas!I27+Terkep!J9)</f>
        <v>5</v>
      </c>
      <c r="K27" s="11">
        <f>+IF(K26&gt;J27,K26+Terkep!K9,Szamitas!J27+Terkep!K9)</f>
        <v>5</v>
      </c>
      <c r="L27" s="11">
        <f>+IF(L26&gt;K27,L26+Terkep!L9,Szamitas!K27+Terkep!L9)</f>
        <v>5</v>
      </c>
      <c r="M27" s="11">
        <f>+IF(M26&gt;L27,M26+Terkep!M9,Szamitas!L27+Terkep!M9)</f>
        <v>5</v>
      </c>
      <c r="N27" s="11">
        <f>+IF(N26&gt;M27,N26+Terkep!N9,Szamitas!M27+Terkep!N9)</f>
        <v>5</v>
      </c>
      <c r="O27" s="11">
        <f>+IF(O26&gt;N27,O26+Terkep!O9,Szamitas!N27+Terkep!O9)</f>
        <v>5</v>
      </c>
      <c r="P27" s="11">
        <f>+IF(P26&gt;O27,P26+Terkep!P9,Szamitas!O27+Terkep!P9)</f>
        <v>7</v>
      </c>
      <c r="Q27" s="15">
        <f>+IF(Q26&gt;P27,Q26+Terkep!Q9,Szamitas!P27+Terkep!Q9)</f>
        <v>10</v>
      </c>
    </row>
    <row r="28" spans="1:35" x14ac:dyDescent="0.25">
      <c r="A28" s="5">
        <f t="shared" si="37"/>
        <v>9</v>
      </c>
      <c r="B28" s="10">
        <f>+B27+Terkep!B10</f>
        <v>2</v>
      </c>
      <c r="C28" s="11">
        <f>+IF(C27&gt;B28,C27+Terkep!C10,Szamitas!B28+Terkep!C10)</f>
        <v>2</v>
      </c>
      <c r="D28" s="11">
        <f>+IF(D27&gt;C28,D27+Terkep!D10,Szamitas!C28+Terkep!D10)</f>
        <v>3</v>
      </c>
      <c r="E28" s="11">
        <f>+IF(E27&gt;D28,E27+Terkep!E10,Szamitas!D28+Terkep!E10)</f>
        <v>4</v>
      </c>
      <c r="F28" s="11">
        <f>+IF(F27&gt;E28,F27+Terkep!F10,Szamitas!E28+Terkep!F10)</f>
        <v>4</v>
      </c>
      <c r="G28" s="11">
        <f>+IF(G27&gt;F28,G27+Terkep!G10,Szamitas!F28+Terkep!G10)</f>
        <v>4</v>
      </c>
      <c r="H28" s="11">
        <f>+IF(H27&gt;G28,H27+Terkep!H10,Szamitas!G28+Terkep!H10)</f>
        <v>6</v>
      </c>
      <c r="I28" s="11">
        <f>+IF(I27&gt;H28,I27+Terkep!I10,Szamitas!H28+Terkep!I10)</f>
        <v>6</v>
      </c>
      <c r="J28" s="11">
        <f>+IF(J27&gt;I28,J27+Terkep!J10,Szamitas!I28+Terkep!J10)</f>
        <v>6</v>
      </c>
      <c r="K28" s="11">
        <f>+IF(K27&gt;J28,K27+Terkep!K10,Szamitas!J28+Terkep!K10)</f>
        <v>14</v>
      </c>
      <c r="L28" s="11">
        <f>+IF(L27&gt;K28,L27+Terkep!L10,Szamitas!K28+Terkep!L10)</f>
        <v>14</v>
      </c>
      <c r="M28" s="11">
        <f>+IF(M27&gt;L28,M27+Terkep!M10,Szamitas!L28+Terkep!M10)</f>
        <v>14</v>
      </c>
      <c r="N28" s="11">
        <f>+IF(N27&gt;M28,N27+Terkep!N10,Szamitas!M28+Terkep!N10)</f>
        <v>14</v>
      </c>
      <c r="O28" s="11">
        <f>+IF(O27&gt;N28,O27+Terkep!O10,Szamitas!N28+Terkep!O10)</f>
        <v>14</v>
      </c>
      <c r="P28" s="11">
        <f>+IF(P27&gt;O28,P27+Terkep!P10,Szamitas!O28+Terkep!P10)</f>
        <v>15</v>
      </c>
      <c r="Q28" s="15">
        <f>+IF(Q27&gt;P28,Q27+Terkep!Q10,Szamitas!P28+Terkep!Q10)</f>
        <v>16</v>
      </c>
    </row>
    <row r="29" spans="1:35" x14ac:dyDescent="0.25">
      <c r="A29" s="5">
        <f t="shared" si="37"/>
        <v>10</v>
      </c>
      <c r="B29" s="10">
        <f>+B28+Terkep!B11</f>
        <v>2</v>
      </c>
      <c r="C29" s="11">
        <f>+IF(C28&gt;B29,C28+Terkep!C11,Szamitas!B29+Terkep!C11)</f>
        <v>2</v>
      </c>
      <c r="D29" s="11">
        <f>+IF(D28&gt;C29,D28+Terkep!D11,Szamitas!C29+Terkep!D11)</f>
        <v>4</v>
      </c>
      <c r="E29" s="11">
        <f>+IF(E28&gt;D29,E28+Terkep!E11,Szamitas!D29+Terkep!E11)</f>
        <v>4</v>
      </c>
      <c r="F29" s="11">
        <f>+IF(F28&gt;E29,F28+Terkep!F11,Szamitas!E29+Terkep!F11)</f>
        <v>4</v>
      </c>
      <c r="G29" s="11">
        <f>+IF(G28&gt;F29,G28+Terkep!G11,Szamitas!F29+Terkep!G11)</f>
        <v>4</v>
      </c>
      <c r="H29" s="11">
        <f>+IF(H28&gt;G29,H28+Terkep!H11,Szamitas!G29+Terkep!H11)</f>
        <v>7</v>
      </c>
      <c r="I29" s="11">
        <f>+IF(I28&gt;H29,I28+Terkep!I11,Szamitas!H29+Terkep!I11)</f>
        <v>7</v>
      </c>
      <c r="J29" s="11">
        <f>+IF(J28&gt;I29,J28+Terkep!J11,Szamitas!I29+Terkep!J11)</f>
        <v>8</v>
      </c>
      <c r="K29" s="11">
        <f>+IF(K28&gt;J29,K28+Terkep!K11,Szamitas!J29+Terkep!K11)</f>
        <v>14</v>
      </c>
      <c r="L29" s="11">
        <f>+IF(L28&gt;K29,L28+Terkep!L11,Szamitas!K29+Terkep!L11)</f>
        <v>14</v>
      </c>
      <c r="M29" s="11">
        <f>+IF(M28&gt;L29,M28+Terkep!M11,Szamitas!L29+Terkep!M11)</f>
        <v>14</v>
      </c>
      <c r="N29" s="11">
        <f>+IF(N28&gt;M29,N28+Terkep!N11,Szamitas!M29+Terkep!N11)</f>
        <v>14</v>
      </c>
      <c r="O29" s="11">
        <f>+IF(O28&gt;N29,O28+Terkep!O11,Szamitas!N29+Terkep!O11)</f>
        <v>14</v>
      </c>
      <c r="P29" s="11">
        <f>+IF(P28&gt;O29,P28+Terkep!P11,Szamitas!O29+Terkep!P11)</f>
        <v>15</v>
      </c>
      <c r="Q29" s="15">
        <f>+IF(Q28&gt;P29,Q28+Terkep!Q11,Szamitas!P29+Terkep!Q11)</f>
        <v>16</v>
      </c>
    </row>
    <row r="30" spans="1:35" x14ac:dyDescent="0.25">
      <c r="A30" s="5">
        <f t="shared" si="37"/>
        <v>11</v>
      </c>
      <c r="B30" s="10">
        <f>+B29+Terkep!B12</f>
        <v>2</v>
      </c>
      <c r="C30" s="11">
        <f>+IF(C29&gt;B30,C29+Terkep!C12,Szamitas!B30+Terkep!C12)</f>
        <v>2</v>
      </c>
      <c r="D30" s="11">
        <f>+IF(D29&gt;C30,D29+Terkep!D12,Szamitas!C30+Terkep!D12)</f>
        <v>4</v>
      </c>
      <c r="E30" s="11">
        <f>+IF(E29&gt;D30,E29+Terkep!E12,Szamitas!D30+Terkep!E12)</f>
        <v>4</v>
      </c>
      <c r="F30" s="11">
        <f>+IF(F29&gt;E30,F29+Terkep!F12,Szamitas!E30+Terkep!F12)</f>
        <v>4</v>
      </c>
      <c r="G30" s="11">
        <f>+IF(G29&gt;F30,G29+Terkep!G12,Szamitas!F30+Terkep!G12)</f>
        <v>4</v>
      </c>
      <c r="H30" s="11">
        <f>+IF(H29&gt;G30,H29+Terkep!H12,Szamitas!G30+Terkep!H12)</f>
        <v>8</v>
      </c>
      <c r="I30" s="11">
        <f>+IF(I29&gt;H30,I29+Terkep!I12,Szamitas!H30+Terkep!I12)</f>
        <v>8</v>
      </c>
      <c r="J30" s="11">
        <f>+IF(J29&gt;I30,J29+Terkep!J12,Szamitas!I30+Terkep!J12)</f>
        <v>8</v>
      </c>
      <c r="K30" s="11">
        <f>+IF(K29&gt;J30,K29+Terkep!K12,Szamitas!J30+Terkep!K12)</f>
        <v>14</v>
      </c>
      <c r="L30" s="11">
        <f>+IF(L29&gt;K30,L29+Terkep!L12,Szamitas!K30+Terkep!L12)</f>
        <v>14</v>
      </c>
      <c r="M30" s="11">
        <f>+IF(M29&gt;L30,M29+Terkep!M12,Szamitas!L30+Terkep!M12)</f>
        <v>15.2</v>
      </c>
      <c r="N30" s="11">
        <f>+IF(N29&gt;M30,N29+Terkep!N12,Szamitas!M30+Terkep!N12)</f>
        <v>15.2</v>
      </c>
      <c r="O30" s="11">
        <f>+IF(O29&gt;N30,O29+Terkep!O12,Szamitas!N30+Terkep!O12)</f>
        <v>15.2</v>
      </c>
      <c r="P30" s="11">
        <f>+IF(P29&gt;O30,P29+Terkep!P12,Szamitas!O30+Terkep!P12)</f>
        <v>16.2</v>
      </c>
      <c r="Q30" s="15">
        <f>+IF(Q29&gt;P30,Q29+Terkep!Q12,Szamitas!P30+Terkep!Q12)</f>
        <v>16.2</v>
      </c>
    </row>
    <row r="31" spans="1:35" x14ac:dyDescent="0.25">
      <c r="A31" s="5">
        <f t="shared" si="37"/>
        <v>12</v>
      </c>
      <c r="B31" s="10">
        <f>+B30+Terkep!B13</f>
        <v>2</v>
      </c>
      <c r="C31" s="11">
        <f>+IF(C30&gt;B31,C30+Terkep!C13,Szamitas!B31+Terkep!C13)</f>
        <v>2</v>
      </c>
      <c r="D31" s="11">
        <f>+IF(D30&gt;C31,D30+Terkep!D13,Szamitas!C31+Terkep!D13)</f>
        <v>4</v>
      </c>
      <c r="E31" s="11">
        <f>+IF(E30&gt;D31,E30+Terkep!E13,Szamitas!D31+Terkep!E13)</f>
        <v>5</v>
      </c>
      <c r="F31" s="11">
        <f>+IF(F30&gt;E31,F30+Terkep!F13,Szamitas!E31+Terkep!F13)</f>
        <v>5</v>
      </c>
      <c r="G31" s="11">
        <f>+IF(G30&gt;F31,G30+Terkep!G13,Szamitas!F31+Terkep!G13)</f>
        <v>5</v>
      </c>
      <c r="H31" s="11">
        <f>+IF(H30&gt;G31,H30+Terkep!H13,Szamitas!G31+Terkep!H13)</f>
        <v>9</v>
      </c>
      <c r="I31" s="11">
        <f>+IF(I30&gt;H31,I30+Terkep!I13,Szamitas!H31+Terkep!I13)</f>
        <v>9</v>
      </c>
      <c r="J31" s="11">
        <f>+IF(J30&gt;I31,J30+Terkep!J13,Szamitas!I31+Terkep!J13)</f>
        <v>9</v>
      </c>
      <c r="K31" s="11">
        <f>+IF(K30&gt;J31,K30+Terkep!K13,Szamitas!J31+Terkep!K13)</f>
        <v>14</v>
      </c>
      <c r="L31" s="11">
        <f>+IF(L30&gt;K31,L30+Terkep!L13,Szamitas!K31+Terkep!L13)</f>
        <v>15</v>
      </c>
      <c r="M31" s="11">
        <f>+IF(M30&gt;L31,M30+Terkep!M13,Szamitas!L31+Terkep!M13)</f>
        <v>15.2</v>
      </c>
      <c r="N31" s="11">
        <f>+IF(N30&gt;M31,N30+Terkep!N13,Szamitas!M31+Terkep!N13)</f>
        <v>15.2</v>
      </c>
      <c r="O31" s="11">
        <f>+IF(O30&gt;N31,O30+Terkep!O13,Szamitas!N31+Terkep!O13)</f>
        <v>15.2</v>
      </c>
      <c r="P31" s="11">
        <f>+IF(P30&gt;O31,P30+Terkep!P13,Szamitas!O31+Terkep!P13)</f>
        <v>16.2</v>
      </c>
      <c r="Q31" s="15">
        <f>+IF(Q30&gt;P31,Q30+Terkep!Q13,Szamitas!P31+Terkep!Q13)</f>
        <v>16.2</v>
      </c>
    </row>
    <row r="32" spans="1:35" x14ac:dyDescent="0.25">
      <c r="A32" s="5">
        <f t="shared" si="37"/>
        <v>13</v>
      </c>
      <c r="B32" s="10">
        <f>+B31+Terkep!B14</f>
        <v>2</v>
      </c>
      <c r="C32" s="11">
        <f>+IF(C31&gt;B32,C31+Terkep!C14,Szamitas!B32+Terkep!C14)</f>
        <v>2</v>
      </c>
      <c r="D32" s="11">
        <f>+IF(D31&gt;C32,D31+Terkep!D14,Szamitas!C32+Terkep!D14)</f>
        <v>4</v>
      </c>
      <c r="E32" s="11">
        <f>+IF(E31&gt;D32,E31+Terkep!E14,Szamitas!D32+Terkep!E14)</f>
        <v>5</v>
      </c>
      <c r="F32" s="11">
        <f>+IF(F31&gt;E32,F31+Terkep!F14,Szamitas!E32+Terkep!F14)</f>
        <v>6</v>
      </c>
      <c r="G32" s="11">
        <f>+IF(G31&gt;F32,G31+Terkep!G14,Szamitas!F32+Terkep!G14)</f>
        <v>6</v>
      </c>
      <c r="H32" s="11">
        <f>+IF(H31&gt;G32,H31+Terkep!H14,Szamitas!G32+Terkep!H14)</f>
        <v>10</v>
      </c>
      <c r="I32" s="11">
        <f>+IF(I31&gt;H32,I31+Terkep!I14,Szamitas!H32+Terkep!I14)</f>
        <v>10</v>
      </c>
      <c r="J32" s="11">
        <f>+IF(J31&gt;I32,J31+Terkep!J14,Szamitas!I32+Terkep!J14)</f>
        <v>10</v>
      </c>
      <c r="K32" s="11">
        <f>+IF(K31&gt;J32,K31+Terkep!K14,Szamitas!J32+Terkep!K14)</f>
        <v>15.1</v>
      </c>
      <c r="L32" s="11">
        <f>+IF(L31&gt;K32,L31+Terkep!L14,Szamitas!K32+Terkep!L14)</f>
        <v>15.1</v>
      </c>
      <c r="M32" s="11">
        <f>+IF(M31&gt;L32,M31+Terkep!M14,Szamitas!L32+Terkep!M14)</f>
        <v>15.2</v>
      </c>
      <c r="N32" s="11">
        <f>+IF(N31&gt;M32,N31+Terkep!N14,Szamitas!M32+Terkep!N14)</f>
        <v>15.2</v>
      </c>
      <c r="O32" s="11">
        <f>+IF(O31&gt;N32,O31+Terkep!O14,Szamitas!N32+Terkep!O14)</f>
        <v>15.2</v>
      </c>
      <c r="P32" s="11">
        <f>+IF(P31&gt;O32,P31+Terkep!P14,Szamitas!O32+Terkep!P14)</f>
        <v>16.2</v>
      </c>
      <c r="Q32" s="15">
        <f>+IF(Q31&gt;P32,Q31+Terkep!Q14,Szamitas!P32+Terkep!Q14)</f>
        <v>16.2</v>
      </c>
    </row>
    <row r="33" spans="1:17" x14ac:dyDescent="0.25">
      <c r="A33" s="5">
        <f t="shared" si="37"/>
        <v>14</v>
      </c>
      <c r="B33" s="10">
        <f>+B32+Terkep!B15</f>
        <v>2</v>
      </c>
      <c r="C33" s="11">
        <f>+IF(C32&gt;B33,C32+Terkep!C15,Szamitas!B33+Terkep!C15)</f>
        <v>2</v>
      </c>
      <c r="D33" s="11">
        <f>+IF(D32&gt;C33,D32+Terkep!D15,Szamitas!C33+Terkep!D15)</f>
        <v>4</v>
      </c>
      <c r="E33" s="11">
        <f>+IF(E32&gt;D33,E32+Terkep!E15,Szamitas!D33+Terkep!E15)</f>
        <v>5</v>
      </c>
      <c r="F33" s="11">
        <f>+IF(F32&gt;E33,F32+Terkep!F15,Szamitas!E33+Terkep!F15)</f>
        <v>6</v>
      </c>
      <c r="G33" s="11">
        <f>+IF(G32&gt;F33,G32+Terkep!G15,Szamitas!F33+Terkep!G15)</f>
        <v>6</v>
      </c>
      <c r="H33" s="11">
        <f>+IF(H32&gt;G33,H32+Terkep!H15,Szamitas!G33+Terkep!H15)</f>
        <v>10</v>
      </c>
      <c r="I33" s="11">
        <f>+IF(I32&gt;H33,I32+Terkep!I15,Szamitas!H33+Terkep!I15)</f>
        <v>10</v>
      </c>
      <c r="J33" s="11">
        <f>+IF(J32&gt;I33,J32+Terkep!J15,Szamitas!I33+Terkep!J15)</f>
        <v>10</v>
      </c>
      <c r="K33" s="11">
        <f>+IF(K32&gt;J33,K32+Terkep!K15,Szamitas!J33+Terkep!K15)</f>
        <v>15.1</v>
      </c>
      <c r="L33" s="11">
        <f>+IF(L32&gt;K33,L32+Terkep!L15,Szamitas!K33+Terkep!L15)</f>
        <v>15.1</v>
      </c>
      <c r="M33" s="11">
        <f>+IF(M32&gt;L33,M32+Terkep!M15,Szamitas!L33+Terkep!M15)</f>
        <v>15.2</v>
      </c>
      <c r="N33" s="11">
        <f>+IF(N32&gt;M33,N32+Terkep!N15,Szamitas!M33+Terkep!N15)</f>
        <v>15.2</v>
      </c>
      <c r="O33" s="11">
        <f>+IF(O32&gt;N33,O32+Terkep!O15,Szamitas!N33+Terkep!O15)</f>
        <v>16.2</v>
      </c>
      <c r="P33" s="11">
        <f>+IF(P32&gt;O33,P32+Terkep!P15,Szamitas!O33+Terkep!P15)</f>
        <v>16.2</v>
      </c>
      <c r="Q33" s="15">
        <f>+IF(Q32&gt;P33,Q32+Terkep!Q15,Szamitas!P33+Terkep!Q15)</f>
        <v>16.2</v>
      </c>
    </row>
    <row r="34" spans="1:17" x14ac:dyDescent="0.25">
      <c r="A34" s="5">
        <f t="shared" si="37"/>
        <v>15</v>
      </c>
      <c r="B34" s="10">
        <f>+B33+Terkep!B16</f>
        <v>2</v>
      </c>
      <c r="C34" s="11">
        <f>+IF(C33&gt;B34,C33+Terkep!C16,Szamitas!B34+Terkep!C16)</f>
        <v>2</v>
      </c>
      <c r="D34" s="11">
        <f>+IF(D33&gt;C34,D33+Terkep!D16,Szamitas!C34+Terkep!D16)</f>
        <v>4</v>
      </c>
      <c r="E34" s="11">
        <f>+IF(E33&gt;D34,E33+Terkep!E16,Szamitas!D34+Terkep!E16)</f>
        <v>5</v>
      </c>
      <c r="F34" s="11">
        <f>+IF(F33&gt;E34,F33+Terkep!F16,Szamitas!E34+Terkep!F16)</f>
        <v>6</v>
      </c>
      <c r="G34" s="11">
        <f>+IF(G33&gt;F34,G33+Terkep!G16,Szamitas!F34+Terkep!G16)</f>
        <v>6</v>
      </c>
      <c r="H34" s="11">
        <f>+IF(H33&gt;G34,H33+Terkep!H16,Szamitas!G34+Terkep!H16)</f>
        <v>10</v>
      </c>
      <c r="I34" s="11">
        <f>+IF(I33&gt;H34,I33+Terkep!I16,Szamitas!H34+Terkep!I16)</f>
        <v>10</v>
      </c>
      <c r="J34" s="11">
        <f>+IF(J33&gt;I34,J33+Terkep!J16,Szamitas!I34+Terkep!J16)</f>
        <v>10</v>
      </c>
      <c r="K34" s="11">
        <f>+IF(K33&gt;J34,K33+Terkep!K16,Szamitas!J34+Terkep!K16)</f>
        <v>15.1</v>
      </c>
      <c r="L34" s="11">
        <f>+IF(L33&gt;K34,L33+Terkep!L16,Szamitas!K34+Terkep!L16)</f>
        <v>15.1</v>
      </c>
      <c r="M34" s="11">
        <f>+IF(M33&gt;L34,M33+Terkep!M16,Szamitas!L34+Terkep!M16)</f>
        <v>15.2</v>
      </c>
      <c r="N34" s="11">
        <f>+IF(N33&gt;M34,N33+Terkep!N16,Szamitas!M34+Terkep!N16)</f>
        <v>15.2</v>
      </c>
      <c r="O34" s="11">
        <f>+IF(O33&gt;N34,O33+Terkep!O16,Szamitas!N34+Terkep!O16)</f>
        <v>16.2</v>
      </c>
      <c r="P34" s="11">
        <f>+IF(P33&gt;O34,P33+Terkep!P16,Szamitas!O34+Terkep!P16)</f>
        <v>16.2</v>
      </c>
      <c r="Q34" s="15">
        <f>+IF(Q33&gt;P34,Q33+Terkep!Q16,Szamitas!P34+Terkep!Q16)</f>
        <v>16.2</v>
      </c>
    </row>
    <row r="35" spans="1:17" ht="15.75" thickBot="1" x14ac:dyDescent="0.3">
      <c r="A35" s="6">
        <f t="shared" si="37"/>
        <v>16</v>
      </c>
      <c r="B35" s="12">
        <f>+B34+Terkep!B17</f>
        <v>2</v>
      </c>
      <c r="C35" s="13">
        <f>+IF(C34&gt;B35,C34+Terkep!C17,Szamitas!B35+Terkep!C17)</f>
        <v>2</v>
      </c>
      <c r="D35" s="13">
        <f>+IF(D34&gt;C35,D34+Terkep!D17,Szamitas!C35+Terkep!D17)</f>
        <v>4</v>
      </c>
      <c r="E35" s="13">
        <f>+IF(E34&gt;D35,E34+Terkep!E17,Szamitas!D35+Terkep!E17)</f>
        <v>5</v>
      </c>
      <c r="F35" s="13">
        <f>+IF(F34&gt;E35,F34+Terkep!F17,Szamitas!E35+Terkep!F17)</f>
        <v>7</v>
      </c>
      <c r="G35" s="13">
        <f>+IF(G34&gt;F35,G34+Terkep!G17,Szamitas!F35+Terkep!G17)</f>
        <v>7</v>
      </c>
      <c r="H35" s="13">
        <f>+IF(H34&gt;G35,H34+Terkep!H17,Szamitas!G35+Terkep!H17)</f>
        <v>10</v>
      </c>
      <c r="I35" s="13">
        <f>+IF(I34&gt;H35,I34+Terkep!I17,Szamitas!H35+Terkep!I17)</f>
        <v>10</v>
      </c>
      <c r="J35" s="13">
        <f>+IF(J34&gt;I35,J34+Terkep!J17,Szamitas!I35+Terkep!J17)</f>
        <v>10</v>
      </c>
      <c r="K35" s="13">
        <f>+IF(K34&gt;J35,K34+Terkep!K17,Szamitas!J35+Terkep!K17)</f>
        <v>15.1</v>
      </c>
      <c r="L35" s="13">
        <f>+IF(L34&gt;K35,L34+Terkep!L17,Szamitas!K35+Terkep!L17)</f>
        <v>15.1</v>
      </c>
      <c r="M35" s="13">
        <f>+IF(M34&gt;L35,M34+Terkep!M17,Szamitas!L35+Terkep!M17)</f>
        <v>15.2</v>
      </c>
      <c r="N35" s="13">
        <f>+IF(N34&gt;M35,N34+Terkep!N17,Szamitas!M35+Terkep!N17)</f>
        <v>15.2</v>
      </c>
      <c r="O35" s="13">
        <f>+IF(O34&gt;N35,O34+Terkep!O17,Szamitas!N35+Terkep!O17)</f>
        <v>16.2</v>
      </c>
      <c r="P35" s="13">
        <f>+IF(P34&gt;O35,P34+Terkep!P17,Szamitas!O35+Terkep!P17)</f>
        <v>16.2</v>
      </c>
      <c r="Q35" s="16">
        <f>+IF(Q34&gt;P35,Q34+Terkep!Q17,Szamitas!P35+Terkep!Q17)</f>
        <v>16.2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Munkalapok</vt:lpstr>
      </vt:variant>
      <vt:variant>
        <vt:i4>2</vt:i4>
      </vt:variant>
    </vt:vector>
  </HeadingPairs>
  <TitlesOfParts>
    <vt:vector size="2" baseType="lpstr">
      <vt:lpstr>Terkep</vt:lpstr>
      <vt:lpstr>Szamita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odi</dc:creator>
  <cp:lastModifiedBy>Dodi</cp:lastModifiedBy>
  <dcterms:created xsi:type="dcterms:W3CDTF">2018-10-28T11:10:57Z</dcterms:created>
  <dcterms:modified xsi:type="dcterms:W3CDTF">2018-11-04T14:12:42Z</dcterms:modified>
</cp:coreProperties>
</file>